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303" r:id="rId2"/>
    <p:sldId id="272" r:id="rId3"/>
    <p:sldId id="259" r:id="rId4"/>
    <p:sldId id="267" r:id="rId5"/>
    <p:sldId id="268" r:id="rId6"/>
    <p:sldId id="257" r:id="rId7"/>
    <p:sldId id="264" r:id="rId8"/>
    <p:sldId id="260" r:id="rId9"/>
    <p:sldId id="261" r:id="rId10"/>
    <p:sldId id="262" r:id="rId11"/>
    <p:sldId id="298" r:id="rId12"/>
    <p:sldId id="301" r:id="rId13"/>
    <p:sldId id="263" r:id="rId14"/>
    <p:sldId id="265" r:id="rId15"/>
    <p:sldId id="266" r:id="rId16"/>
    <p:sldId id="275" r:id="rId17"/>
    <p:sldId id="289" r:id="rId18"/>
    <p:sldId id="269" r:id="rId19"/>
    <p:sldId id="284" r:id="rId20"/>
    <p:sldId id="294" r:id="rId21"/>
    <p:sldId id="281" r:id="rId22"/>
    <p:sldId id="300" r:id="rId23"/>
    <p:sldId id="299" r:id="rId24"/>
    <p:sldId id="296" r:id="rId25"/>
    <p:sldId id="293" r:id="rId26"/>
    <p:sldId id="302" r:id="rId27"/>
    <p:sldId id="282" r:id="rId28"/>
    <p:sldId id="297" r:id="rId29"/>
    <p:sldId id="278" r:id="rId30"/>
    <p:sldId id="286" r:id="rId31"/>
    <p:sldId id="287" r:id="rId32"/>
    <p:sldId id="285" r:id="rId33"/>
    <p:sldId id="276" r:id="rId34"/>
    <p:sldId id="277" r:id="rId35"/>
    <p:sldId id="280" r:id="rId36"/>
    <p:sldId id="288" r:id="rId37"/>
    <p:sldId id="291" r:id="rId38"/>
  </p:sldIdLst>
  <p:sldSz cx="9144000" cy="6858000" type="screen4x3"/>
  <p:notesSz cx="6858000" cy="9144000"/>
  <p:defaultTextStyle>
    <a:defPPr>
      <a:defRPr lang="es-E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111" d="100"/>
          <a:sy n="111" d="100"/>
        </p:scale>
        <p:origin x="-1614" y="-7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5">
  <dgm:title val=""/>
  <dgm:desc val=""/>
  <dgm:catLst>
    <dgm:cat type="colorful" pri="10500"/>
  </dgm:catLst>
  <dgm:styleLbl name="node0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5"/>
      <a:schemeClr val="accent6"/>
    </dgm:fillClrLst>
    <dgm:linClrLst>
      <a:schemeClr val="accent5"/>
      <a:schemeClr val="accent6"/>
    </dgm:linClrLst>
    <dgm:effectClrLst/>
    <dgm:txLinClrLst/>
    <dgm:txFillClrLst/>
    <dgm:txEffectClrLst/>
  </dgm:styleLbl>
  <dgm:styleLbl name="ln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B02E51A1-A5AB-4F0F-82AA-BF8824C11BBF}" type="doc">
      <dgm:prSet loTypeId="urn:microsoft.com/office/officeart/2005/8/layout/arrow3" loCatId="relationship" qsTypeId="urn:microsoft.com/office/officeart/2005/8/quickstyle/3d1" qsCatId="3D" csTypeId="urn:microsoft.com/office/officeart/2005/8/colors/colorful5" csCatId="colorful" phldr="1"/>
      <dgm:spPr/>
      <dgm:t>
        <a:bodyPr/>
        <a:lstStyle/>
        <a:p>
          <a:endParaRPr lang="es-ES"/>
        </a:p>
      </dgm:t>
    </dgm:pt>
    <dgm:pt modelId="{260BBAB7-8B8C-4E04-8E3F-227C6B7F0FC9}">
      <dgm:prSet phldrT="[Texto]"/>
      <dgm:spPr/>
      <dgm:t>
        <a:bodyPr/>
        <a:lstStyle/>
        <a:p>
          <a:pPr algn="l"/>
          <a:r>
            <a:rPr lang="es-ES_tradnl" sz="1700" b="1" u="sng" dirty="0" smtClean="0"/>
            <a:t>Repercute en una mejora para el paciente</a:t>
          </a:r>
          <a:r>
            <a:rPr lang="es-ES_tradnl" sz="1700" dirty="0" smtClean="0"/>
            <a:t>:</a:t>
          </a:r>
          <a:endParaRPr lang="es-ES" sz="1700" dirty="0" smtClean="0"/>
        </a:p>
        <a:p>
          <a:pPr algn="l"/>
          <a:r>
            <a:rPr lang="es-ES_tradnl" sz="1700" dirty="0" smtClean="0"/>
            <a:t>· + Disponibilidad y + calidad de los medios</a:t>
          </a:r>
          <a:endParaRPr lang="es-ES" sz="1700" dirty="0" smtClean="0"/>
        </a:p>
        <a:p>
          <a:pPr algn="l"/>
          <a:r>
            <a:rPr lang="es-ES_tradnl" sz="1700" dirty="0" smtClean="0"/>
            <a:t>· Mejor trato y asistencia recibida por los pacientes y usuarios</a:t>
          </a:r>
          <a:endParaRPr lang="es-ES" sz="1700" dirty="0"/>
        </a:p>
      </dgm:t>
    </dgm:pt>
    <dgm:pt modelId="{5F94BDAF-3778-406A-B0C9-3904264F48D2}" type="parTrans" cxnId="{1BE39373-B34C-4763-BA6B-B612FD5BDC48}">
      <dgm:prSet/>
      <dgm:spPr/>
      <dgm:t>
        <a:bodyPr/>
        <a:lstStyle/>
        <a:p>
          <a:endParaRPr lang="es-ES"/>
        </a:p>
      </dgm:t>
    </dgm:pt>
    <dgm:pt modelId="{7D00B10B-D77C-44F7-8A0D-FDEC972CCF5D}" type="sibTrans" cxnId="{1BE39373-B34C-4763-BA6B-B612FD5BDC48}">
      <dgm:prSet/>
      <dgm:spPr/>
      <dgm:t>
        <a:bodyPr/>
        <a:lstStyle/>
        <a:p>
          <a:endParaRPr lang="es-ES"/>
        </a:p>
      </dgm:t>
    </dgm:pt>
    <dgm:pt modelId="{566BE51E-EB10-4B0D-8A39-6963B39E500B}">
      <dgm:prSet phldrT="[Texto]"/>
      <dgm:spPr/>
      <dgm:t>
        <a:bodyPr/>
        <a:lstStyle/>
        <a:p>
          <a:pPr algn="l"/>
          <a:r>
            <a:rPr lang="es-ES_tradnl" b="1" u="sng" dirty="0" smtClean="0"/>
            <a:t>Trabajar en mejoras para los profesionales y medios</a:t>
          </a:r>
          <a:r>
            <a:rPr lang="es-ES_tradnl" dirty="0" smtClean="0"/>
            <a:t>:</a:t>
          </a:r>
          <a:endParaRPr lang="es-ES" dirty="0" smtClean="0"/>
        </a:p>
        <a:p>
          <a:pPr algn="l"/>
          <a:r>
            <a:rPr lang="es-ES_tradnl" dirty="0" smtClean="0"/>
            <a:t>· Logística y flota: vehículos, limpieza, equipamientos…</a:t>
          </a:r>
        </a:p>
        <a:p>
          <a:pPr algn="l"/>
          <a:r>
            <a:rPr lang="es-ES_tradnl" dirty="0" smtClean="0"/>
            <a:t>· Comunicación / Formación…</a:t>
          </a:r>
          <a:endParaRPr lang="es-ES" dirty="0" smtClean="0"/>
        </a:p>
      </dgm:t>
    </dgm:pt>
    <dgm:pt modelId="{DFE4D1DD-B983-4E55-8151-4234B1AC1A5F}" type="parTrans" cxnId="{CFB5DE50-5FE6-4FFA-A765-A9D8EED9447F}">
      <dgm:prSet/>
      <dgm:spPr/>
      <dgm:t>
        <a:bodyPr/>
        <a:lstStyle/>
        <a:p>
          <a:endParaRPr lang="es-ES"/>
        </a:p>
      </dgm:t>
    </dgm:pt>
    <dgm:pt modelId="{19B648FA-C8DA-4F9F-A651-C384B6D32445}" type="sibTrans" cxnId="{CFB5DE50-5FE6-4FFA-A765-A9D8EED9447F}">
      <dgm:prSet/>
      <dgm:spPr/>
      <dgm:t>
        <a:bodyPr/>
        <a:lstStyle/>
        <a:p>
          <a:endParaRPr lang="es-ES"/>
        </a:p>
      </dgm:t>
    </dgm:pt>
    <dgm:pt modelId="{CE8AE757-F85A-488D-A03E-C5D2C1CC9F04}" type="pres">
      <dgm:prSet presAssocID="{B02E51A1-A5AB-4F0F-82AA-BF8824C11BBF}" presName="compositeShape" presStyleCnt="0">
        <dgm:presLayoutVars>
          <dgm:chMax val="2"/>
          <dgm:dir/>
          <dgm:resizeHandles val="exact"/>
        </dgm:presLayoutVars>
      </dgm:prSet>
      <dgm:spPr/>
      <dgm:t>
        <a:bodyPr/>
        <a:lstStyle/>
        <a:p>
          <a:endParaRPr lang="es-ES"/>
        </a:p>
      </dgm:t>
    </dgm:pt>
    <dgm:pt modelId="{DF9F8722-2CD2-4F83-90BE-B98C779E3A06}" type="pres">
      <dgm:prSet presAssocID="{B02E51A1-A5AB-4F0F-82AA-BF8824C11BBF}" presName="divider" presStyleLbl="fgShp" presStyleIdx="0" presStyleCnt="1"/>
      <dgm:spPr/>
    </dgm:pt>
    <dgm:pt modelId="{4A9805E4-5293-4EB1-9DF6-FCE52B59B29B}" type="pres">
      <dgm:prSet presAssocID="{260BBAB7-8B8C-4E04-8E3F-227C6B7F0FC9}" presName="downArrow" presStyleLbl="node1" presStyleIdx="0" presStyleCnt="2"/>
      <dgm:spPr>
        <a:solidFill>
          <a:schemeClr val="accent3"/>
        </a:solidFill>
      </dgm:spPr>
    </dgm:pt>
    <dgm:pt modelId="{F062ED68-13B3-42CB-A572-3BD00B73CB82}" type="pres">
      <dgm:prSet presAssocID="{260BBAB7-8B8C-4E04-8E3F-227C6B7F0FC9}" presName="downArrowText" presStyleLbl="revTx" presStyleIdx="0" presStyleCnt="2" custScaleX="163393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A2364E12-6023-41C6-9585-4FEBA24FE434}" type="pres">
      <dgm:prSet presAssocID="{566BE51E-EB10-4B0D-8A39-6963B39E500B}" presName="upArrow" presStyleLbl="node1" presStyleIdx="1" presStyleCnt="2"/>
      <dgm:spPr/>
    </dgm:pt>
    <dgm:pt modelId="{819C4160-66B7-4D2E-8693-5EE87360DCC5}" type="pres">
      <dgm:prSet presAssocID="{566BE51E-EB10-4B0D-8A39-6963B39E500B}" presName="upArrowText" presStyleLbl="revTx" presStyleIdx="1" presStyleCnt="2" custScaleX="146652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</dgm:ptLst>
  <dgm:cxnLst>
    <dgm:cxn modelId="{0223A4A1-E6DB-4D81-8C59-01AC86A53BFD}" type="presOf" srcId="{B02E51A1-A5AB-4F0F-82AA-BF8824C11BBF}" destId="{CE8AE757-F85A-488D-A03E-C5D2C1CC9F04}" srcOrd="0" destOrd="0" presId="urn:microsoft.com/office/officeart/2005/8/layout/arrow3"/>
    <dgm:cxn modelId="{B14B9E3F-0E71-4788-9C1B-E69A88EB8013}" type="presOf" srcId="{260BBAB7-8B8C-4E04-8E3F-227C6B7F0FC9}" destId="{F062ED68-13B3-42CB-A572-3BD00B73CB82}" srcOrd="0" destOrd="0" presId="urn:microsoft.com/office/officeart/2005/8/layout/arrow3"/>
    <dgm:cxn modelId="{1BE39373-B34C-4763-BA6B-B612FD5BDC48}" srcId="{B02E51A1-A5AB-4F0F-82AA-BF8824C11BBF}" destId="{260BBAB7-8B8C-4E04-8E3F-227C6B7F0FC9}" srcOrd="0" destOrd="0" parTransId="{5F94BDAF-3778-406A-B0C9-3904264F48D2}" sibTransId="{7D00B10B-D77C-44F7-8A0D-FDEC972CCF5D}"/>
    <dgm:cxn modelId="{F25DD09D-5F3F-45BF-AFEC-EC7B1AF429FA}" type="presOf" srcId="{566BE51E-EB10-4B0D-8A39-6963B39E500B}" destId="{819C4160-66B7-4D2E-8693-5EE87360DCC5}" srcOrd="0" destOrd="0" presId="urn:microsoft.com/office/officeart/2005/8/layout/arrow3"/>
    <dgm:cxn modelId="{CFB5DE50-5FE6-4FFA-A765-A9D8EED9447F}" srcId="{B02E51A1-A5AB-4F0F-82AA-BF8824C11BBF}" destId="{566BE51E-EB10-4B0D-8A39-6963B39E500B}" srcOrd="1" destOrd="0" parTransId="{DFE4D1DD-B983-4E55-8151-4234B1AC1A5F}" sibTransId="{19B648FA-C8DA-4F9F-A651-C384B6D32445}"/>
    <dgm:cxn modelId="{D1E7CD27-F14D-4619-B7D1-E7243B7CF86D}" type="presParOf" srcId="{CE8AE757-F85A-488D-A03E-C5D2C1CC9F04}" destId="{DF9F8722-2CD2-4F83-90BE-B98C779E3A06}" srcOrd="0" destOrd="0" presId="urn:microsoft.com/office/officeart/2005/8/layout/arrow3"/>
    <dgm:cxn modelId="{A598EFDD-A1D6-40E0-ADF9-9A58F8B40B36}" type="presParOf" srcId="{CE8AE757-F85A-488D-A03E-C5D2C1CC9F04}" destId="{4A9805E4-5293-4EB1-9DF6-FCE52B59B29B}" srcOrd="1" destOrd="0" presId="urn:microsoft.com/office/officeart/2005/8/layout/arrow3"/>
    <dgm:cxn modelId="{1236172D-9A09-4A37-84C6-207D1BDBDD2E}" type="presParOf" srcId="{CE8AE757-F85A-488D-A03E-C5D2C1CC9F04}" destId="{F062ED68-13B3-42CB-A572-3BD00B73CB82}" srcOrd="2" destOrd="0" presId="urn:microsoft.com/office/officeart/2005/8/layout/arrow3"/>
    <dgm:cxn modelId="{22FA7799-D9D9-4F62-8816-08D1E8BAD120}" type="presParOf" srcId="{CE8AE757-F85A-488D-A03E-C5D2C1CC9F04}" destId="{A2364E12-6023-41C6-9585-4FEBA24FE434}" srcOrd="3" destOrd="0" presId="urn:microsoft.com/office/officeart/2005/8/layout/arrow3"/>
    <dgm:cxn modelId="{F72FE53D-9BD5-4AE9-ADE3-3A77EA2B3A30}" type="presParOf" srcId="{CE8AE757-F85A-488D-A03E-C5D2C1CC9F04}" destId="{819C4160-66B7-4D2E-8693-5EE87360DCC5}" srcOrd="4" destOrd="0" presId="urn:microsoft.com/office/officeart/2005/8/layout/arrow3"/>
  </dgm:cxnLst>
  <dgm:bg/>
  <dgm:whole/>
  <dgm:extLst>
    <a:ext uri="http://schemas.microsoft.com/office/drawing/2008/diagram">
      <dsp:dataModelExt xmlns:dsp="http://schemas.microsoft.com/office/drawing/2008/diagram" relId="rId10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83C6F185-C275-49F8-9A4C-D191AA52E8E9}" type="doc">
      <dgm:prSet loTypeId="urn:microsoft.com/office/officeart/2005/8/layout/hierarchy6" loCatId="hierarchy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s-ES"/>
        </a:p>
      </dgm:t>
    </dgm:pt>
    <dgm:pt modelId="{7AADB0FD-67A3-4D7A-8DDF-2D7AFC2D103C}">
      <dgm:prSet phldrT="[Texto]"/>
      <dgm:spPr/>
      <dgm:t>
        <a:bodyPr/>
        <a:lstStyle/>
        <a:p>
          <a:r>
            <a:rPr lang="es-ES" dirty="0" smtClean="0"/>
            <a:t>Departamentos</a:t>
          </a:r>
          <a:endParaRPr lang="es-ES" dirty="0"/>
        </a:p>
      </dgm:t>
    </dgm:pt>
    <dgm:pt modelId="{847AB3DB-8DBF-4950-8496-13CA4ADF994B}" type="sibTrans" cxnId="{6CC508D2-6532-40E3-961D-27A9DB1E48BC}">
      <dgm:prSet/>
      <dgm:spPr/>
      <dgm:t>
        <a:bodyPr/>
        <a:lstStyle/>
        <a:p>
          <a:endParaRPr lang="es-ES"/>
        </a:p>
      </dgm:t>
    </dgm:pt>
    <dgm:pt modelId="{14912D27-7615-41C3-9EE2-89F1759C9730}" type="parTrans" cxnId="{6CC508D2-6532-40E3-961D-27A9DB1E48BC}">
      <dgm:prSet/>
      <dgm:spPr/>
      <dgm:t>
        <a:bodyPr/>
        <a:lstStyle/>
        <a:p>
          <a:endParaRPr lang="es-ES"/>
        </a:p>
      </dgm:t>
    </dgm:pt>
    <dgm:pt modelId="{B107A72F-ACB2-41CD-B71A-A632C6C377E8}">
      <dgm:prSet phldrT="[Texto]"/>
      <dgm:spPr/>
      <dgm:t>
        <a:bodyPr/>
        <a:lstStyle/>
        <a:p>
          <a:r>
            <a:rPr lang="es-ES" dirty="0" smtClean="0"/>
            <a:t>Dirección de área</a:t>
          </a:r>
          <a:endParaRPr lang="es-ES" dirty="0"/>
        </a:p>
      </dgm:t>
    </dgm:pt>
    <dgm:pt modelId="{67BEB0AD-9F48-40B9-A825-1884F7B30C96}" type="sibTrans" cxnId="{F7791062-577D-4B0D-8B95-02EFD3F77085}">
      <dgm:prSet/>
      <dgm:spPr/>
      <dgm:t>
        <a:bodyPr/>
        <a:lstStyle/>
        <a:p>
          <a:endParaRPr lang="es-ES"/>
        </a:p>
      </dgm:t>
    </dgm:pt>
    <dgm:pt modelId="{25925AAD-C947-4AEC-B865-9E1DE96FF3EB}" type="parTrans" cxnId="{F7791062-577D-4B0D-8B95-02EFD3F77085}">
      <dgm:prSet/>
      <dgm:spPr/>
      <dgm:t>
        <a:bodyPr/>
        <a:lstStyle/>
        <a:p>
          <a:endParaRPr lang="es-ES"/>
        </a:p>
      </dgm:t>
    </dgm:pt>
    <dgm:pt modelId="{8F327A68-8F15-48E1-9F58-E0C9554BEBF6}">
      <dgm:prSet phldrT="[Texto]" custT="1"/>
      <dgm:spPr/>
      <dgm:t>
        <a:bodyPr/>
        <a:lstStyle/>
        <a:p>
          <a:r>
            <a:rPr lang="es-ES" sz="1200" b="1" dirty="0" smtClean="0"/>
            <a:t>TES Baleares</a:t>
          </a:r>
          <a:endParaRPr lang="es-ES" sz="1200" b="1" dirty="0"/>
        </a:p>
      </dgm:t>
    </dgm:pt>
    <dgm:pt modelId="{885CFD7A-E30C-4E52-A11D-1B502853CB82}">
      <dgm:prSet phldrT="[Texto]" custT="1"/>
      <dgm:spPr/>
      <dgm:t>
        <a:bodyPr/>
        <a:lstStyle/>
        <a:p>
          <a:pPr algn="ctr"/>
          <a:r>
            <a:rPr lang="es-ES" sz="900" b="1" dirty="0">
              <a:solidFill>
                <a:schemeClr val="bg1"/>
              </a:solidFill>
            </a:rPr>
            <a:t>- Jefe </a:t>
          </a:r>
          <a:r>
            <a:rPr lang="es-ES" sz="900" b="1" dirty="0" smtClean="0">
              <a:solidFill>
                <a:schemeClr val="bg1"/>
              </a:solidFill>
            </a:rPr>
            <a:t>TES Palma/</a:t>
          </a:r>
          <a:r>
            <a:rPr lang="es-ES" sz="900" b="1" dirty="0" err="1" smtClean="0">
              <a:solidFill>
                <a:schemeClr val="bg1"/>
              </a:solidFill>
            </a:rPr>
            <a:t>Ponent</a:t>
          </a:r>
          <a:endParaRPr lang="es-ES" sz="900" b="1" dirty="0">
            <a:solidFill>
              <a:schemeClr val="bg1"/>
            </a:solidFill>
          </a:endParaRPr>
        </a:p>
        <a:p>
          <a:pPr algn="ctr"/>
          <a:r>
            <a:rPr lang="es-ES" sz="900" b="1" dirty="0"/>
            <a:t>- Jefe </a:t>
          </a:r>
          <a:r>
            <a:rPr lang="es-ES" sz="900" b="1" dirty="0" smtClean="0"/>
            <a:t>TES </a:t>
          </a:r>
          <a:r>
            <a:rPr lang="es-ES" sz="900" b="1" dirty="0" err="1"/>
            <a:t>Part</a:t>
          </a:r>
          <a:r>
            <a:rPr lang="es-ES" sz="900" b="1" dirty="0"/>
            <a:t> Forana</a:t>
          </a:r>
        </a:p>
        <a:p>
          <a:pPr algn="ctr"/>
          <a:r>
            <a:rPr lang="es-ES" sz="900" b="1" dirty="0">
              <a:solidFill>
                <a:schemeClr val="bg1"/>
              </a:solidFill>
            </a:rPr>
            <a:t>- Jefe </a:t>
          </a:r>
          <a:r>
            <a:rPr lang="es-ES" sz="900" b="1" dirty="0" smtClean="0">
              <a:solidFill>
                <a:schemeClr val="bg1"/>
              </a:solidFill>
            </a:rPr>
            <a:t>TES </a:t>
          </a:r>
          <a:r>
            <a:rPr lang="es-ES" sz="900" b="1" dirty="0">
              <a:solidFill>
                <a:schemeClr val="bg1"/>
              </a:solidFill>
            </a:rPr>
            <a:t>Menorca</a:t>
          </a:r>
        </a:p>
        <a:p>
          <a:pPr algn="ctr"/>
          <a:r>
            <a:rPr lang="es-ES" sz="900" b="1" dirty="0">
              <a:solidFill>
                <a:schemeClr val="bg1"/>
              </a:solidFill>
            </a:rPr>
            <a:t>- Jefe </a:t>
          </a:r>
          <a:r>
            <a:rPr lang="es-ES" sz="900" b="1" dirty="0" smtClean="0">
              <a:solidFill>
                <a:schemeClr val="bg1"/>
              </a:solidFill>
            </a:rPr>
            <a:t>TES </a:t>
          </a:r>
          <a:r>
            <a:rPr lang="es-ES" sz="900" b="1" dirty="0">
              <a:solidFill>
                <a:schemeClr val="bg1"/>
              </a:solidFill>
            </a:rPr>
            <a:t>Ibiza y Formentera</a:t>
          </a:r>
        </a:p>
      </dgm:t>
    </dgm:pt>
    <dgm:pt modelId="{E9D09BEA-1351-4BD4-B537-D25E6214195A}" type="sibTrans" cxnId="{BB56D39D-29D4-4F8D-AD7C-EBBB8E5C4C49}">
      <dgm:prSet/>
      <dgm:spPr/>
      <dgm:t>
        <a:bodyPr/>
        <a:lstStyle/>
        <a:p>
          <a:endParaRPr lang="es-ES"/>
        </a:p>
      </dgm:t>
    </dgm:pt>
    <dgm:pt modelId="{B88D519C-BE65-4C0C-98AA-DE0DFA976C17}" type="parTrans" cxnId="{BB56D39D-29D4-4F8D-AD7C-EBBB8E5C4C49}">
      <dgm:prSet/>
      <dgm:spPr/>
      <dgm:t>
        <a:bodyPr/>
        <a:lstStyle/>
        <a:p>
          <a:endParaRPr lang="es-ES"/>
        </a:p>
      </dgm:t>
    </dgm:pt>
    <dgm:pt modelId="{32BB931A-6CEB-4340-8281-155714D37E31}">
      <dgm:prSet phldrT="[Texto]" custT="1"/>
      <dgm:spPr/>
      <dgm:t>
        <a:bodyPr/>
        <a:lstStyle/>
        <a:p>
          <a:pPr algn="ctr"/>
          <a:r>
            <a:rPr lang="es-ES" sz="1200" b="1" dirty="0"/>
            <a:t>Jefatura </a:t>
          </a:r>
          <a:r>
            <a:rPr lang="es-ES" sz="1200" b="1" dirty="0" smtClean="0"/>
            <a:t>Operaciones </a:t>
          </a:r>
          <a:r>
            <a:rPr lang="es-ES" sz="1200" b="1" dirty="0"/>
            <a:t>y TES</a:t>
          </a:r>
        </a:p>
      </dgm:t>
    </dgm:pt>
    <dgm:pt modelId="{4D8D9477-01AA-457B-B668-6D182E9CBB8C}" type="sibTrans" cxnId="{8130A0F4-93ED-431B-A10A-4CAE6D56E0EB}">
      <dgm:prSet/>
      <dgm:spPr/>
      <dgm:t>
        <a:bodyPr/>
        <a:lstStyle/>
        <a:p>
          <a:endParaRPr lang="es-ES"/>
        </a:p>
      </dgm:t>
    </dgm:pt>
    <dgm:pt modelId="{3246BDA7-43E0-4DE3-B845-7702421C8349}" type="parTrans" cxnId="{8130A0F4-93ED-431B-A10A-4CAE6D56E0EB}">
      <dgm:prSet/>
      <dgm:spPr/>
      <dgm:t>
        <a:bodyPr/>
        <a:lstStyle/>
        <a:p>
          <a:endParaRPr lang="es-ES"/>
        </a:p>
      </dgm:t>
    </dgm:pt>
    <dgm:pt modelId="{D06BC340-07FB-40E0-A41B-08D104249832}">
      <dgm:prSet phldrT="[Texto]" custT="1"/>
      <dgm:spPr/>
      <dgm:t>
        <a:bodyPr/>
        <a:lstStyle/>
        <a:p>
          <a:pPr algn="ctr"/>
          <a:r>
            <a:rPr lang="es-ES" sz="1200" b="1" dirty="0" smtClean="0"/>
            <a:t>- </a:t>
          </a:r>
          <a:r>
            <a:rPr lang="es-ES" sz="1200" b="1" dirty="0"/>
            <a:t>Jefe Grupo: responsable equipamiento y material</a:t>
          </a:r>
        </a:p>
      </dgm:t>
    </dgm:pt>
    <dgm:pt modelId="{863E86BE-178D-4F0F-9D3E-50452451A2D0}">
      <dgm:prSet phldrT="[Texto]" custT="1"/>
      <dgm:spPr/>
      <dgm:t>
        <a:bodyPr/>
        <a:lstStyle/>
        <a:p>
          <a:pPr algn="ctr"/>
          <a:r>
            <a:rPr lang="es-ES" sz="1200" b="1" dirty="0"/>
            <a:t>Jefatura </a:t>
          </a:r>
          <a:r>
            <a:rPr lang="es-ES" sz="1200" b="1" dirty="0" smtClean="0"/>
            <a:t>Logística </a:t>
          </a:r>
          <a:r>
            <a:rPr lang="es-ES" sz="1200" b="1" dirty="0"/>
            <a:t>y flota</a:t>
          </a:r>
        </a:p>
      </dgm:t>
    </dgm:pt>
    <dgm:pt modelId="{732F2475-51CF-410D-8B88-24AFC9205740}" type="sibTrans" cxnId="{626BE4C9-F281-4842-B4A6-83FD7DD0DE3D}">
      <dgm:prSet/>
      <dgm:spPr/>
      <dgm:t>
        <a:bodyPr/>
        <a:lstStyle/>
        <a:p>
          <a:endParaRPr lang="es-ES"/>
        </a:p>
      </dgm:t>
    </dgm:pt>
    <dgm:pt modelId="{ADBECF62-D3F0-4965-8BBC-1D3E4A7938FB}" type="parTrans" cxnId="{626BE4C9-F281-4842-B4A6-83FD7DD0DE3D}">
      <dgm:prSet/>
      <dgm:spPr/>
      <dgm:t>
        <a:bodyPr/>
        <a:lstStyle/>
        <a:p>
          <a:endParaRPr lang="es-ES"/>
        </a:p>
      </dgm:t>
    </dgm:pt>
    <dgm:pt modelId="{52D39F14-E53F-4A38-9333-2505990DD674}">
      <dgm:prSet phldrT="[Texto]" custT="1"/>
      <dgm:spPr/>
      <dgm:t>
        <a:bodyPr/>
        <a:lstStyle/>
        <a:p>
          <a:r>
            <a:rPr lang="es-ES" sz="1200" b="1" dirty="0" smtClean="0"/>
            <a:t>Dirección  </a:t>
          </a:r>
          <a:r>
            <a:rPr lang="es-ES" sz="1200" b="1" dirty="0"/>
            <a:t>Área Operativa</a:t>
          </a:r>
        </a:p>
      </dgm:t>
    </dgm:pt>
    <dgm:pt modelId="{6FA03BEC-D8FC-4711-A101-63AE9A163897}" type="sibTrans" cxnId="{FB35F702-585E-4124-BBAF-C734073EFF99}">
      <dgm:prSet/>
      <dgm:spPr/>
      <dgm:t>
        <a:bodyPr/>
        <a:lstStyle/>
        <a:p>
          <a:endParaRPr lang="es-ES"/>
        </a:p>
      </dgm:t>
    </dgm:pt>
    <dgm:pt modelId="{8388938A-84E9-40AE-8028-BBB4451C2294}" type="parTrans" cxnId="{FB35F702-585E-4124-BBAF-C734073EFF99}">
      <dgm:prSet/>
      <dgm:spPr/>
      <dgm:t>
        <a:bodyPr/>
        <a:lstStyle/>
        <a:p>
          <a:endParaRPr lang="es-ES"/>
        </a:p>
      </dgm:t>
    </dgm:pt>
    <dgm:pt modelId="{9DFA87B0-3A3D-4EBC-A1D1-4979F2CCACEB}" type="sibTrans" cxnId="{915207A6-502C-4FC5-977D-0CB3FA4513CA}">
      <dgm:prSet/>
      <dgm:spPr/>
      <dgm:t>
        <a:bodyPr/>
        <a:lstStyle/>
        <a:p>
          <a:endParaRPr lang="es-ES"/>
        </a:p>
      </dgm:t>
    </dgm:pt>
    <dgm:pt modelId="{47848408-A998-45BE-89E5-DDDE2BA05D23}" type="parTrans" cxnId="{915207A6-502C-4FC5-977D-0CB3FA4513CA}">
      <dgm:prSet/>
      <dgm:spPr/>
      <dgm:t>
        <a:bodyPr/>
        <a:lstStyle/>
        <a:p>
          <a:endParaRPr lang="es-ES"/>
        </a:p>
      </dgm:t>
    </dgm:pt>
    <dgm:pt modelId="{7843F2DC-A465-45A2-ADF0-7E90668FA72A}">
      <dgm:prSet phldrT="[Texto]" custT="1"/>
      <dgm:spPr/>
      <dgm:t>
        <a:bodyPr/>
        <a:lstStyle/>
        <a:p>
          <a:pPr algn="ctr"/>
          <a:r>
            <a:rPr lang="es-ES" sz="1200" b="1"/>
            <a:t>Administrativos</a:t>
          </a:r>
        </a:p>
      </dgm:t>
    </dgm:pt>
    <dgm:pt modelId="{E05CBC26-7F44-45F8-8C9A-03A8FBBFA7BA}" type="sibTrans" cxnId="{940AC15D-5A16-4464-B226-915075BA8374}">
      <dgm:prSet/>
      <dgm:spPr/>
      <dgm:t>
        <a:bodyPr/>
        <a:lstStyle/>
        <a:p>
          <a:endParaRPr lang="es-ES"/>
        </a:p>
      </dgm:t>
    </dgm:pt>
    <dgm:pt modelId="{F3065C83-EC15-4494-9A68-518D593460F6}" type="parTrans" cxnId="{940AC15D-5A16-4464-B226-915075BA8374}">
      <dgm:prSet/>
      <dgm:spPr/>
      <dgm:t>
        <a:bodyPr/>
        <a:lstStyle/>
        <a:p>
          <a:endParaRPr lang="es-ES"/>
        </a:p>
      </dgm:t>
    </dgm:pt>
    <dgm:pt modelId="{4584A0A0-E71E-485A-8CF9-E08C095B3B00}" type="sibTrans" cxnId="{229685E8-11D3-4C7F-AC9F-4BFCB2299EDC}">
      <dgm:prSet/>
      <dgm:spPr/>
      <dgm:t>
        <a:bodyPr/>
        <a:lstStyle/>
        <a:p>
          <a:endParaRPr lang="es-ES"/>
        </a:p>
      </dgm:t>
    </dgm:pt>
    <dgm:pt modelId="{447696A4-BBFA-4D66-8C7A-747F1E3F5A99}" type="parTrans" cxnId="{229685E8-11D3-4C7F-AC9F-4BFCB2299EDC}">
      <dgm:prSet/>
      <dgm:spPr/>
      <dgm:t>
        <a:bodyPr/>
        <a:lstStyle/>
        <a:p>
          <a:endParaRPr lang="es-ES"/>
        </a:p>
      </dgm:t>
    </dgm:pt>
    <dgm:pt modelId="{D66E62EF-E697-4C39-A835-E616172FD864}">
      <dgm:prSet phldrT="[Texto]"/>
      <dgm:spPr/>
      <dgm:t>
        <a:bodyPr/>
        <a:lstStyle/>
        <a:p>
          <a:r>
            <a:rPr lang="es-ES" dirty="0" smtClean="0"/>
            <a:t>Coordinadores</a:t>
          </a:r>
          <a:endParaRPr lang="es-ES" dirty="0"/>
        </a:p>
      </dgm:t>
    </dgm:pt>
    <dgm:pt modelId="{CA290BB4-E851-4CAA-8915-B13D7C33D69A}" type="parTrans" cxnId="{A083A31F-3C32-4A4E-B7A8-FFC3A6255C21}">
      <dgm:prSet/>
      <dgm:spPr/>
      <dgm:t>
        <a:bodyPr/>
        <a:lstStyle/>
        <a:p>
          <a:endParaRPr lang="es-ES"/>
        </a:p>
      </dgm:t>
    </dgm:pt>
    <dgm:pt modelId="{0FB52BA9-BEB4-45ED-AAB0-8A6B9E750E12}" type="sibTrans" cxnId="{A083A31F-3C32-4A4E-B7A8-FFC3A6255C21}">
      <dgm:prSet/>
      <dgm:spPr/>
      <dgm:t>
        <a:bodyPr/>
        <a:lstStyle/>
        <a:p>
          <a:endParaRPr lang="es-ES"/>
        </a:p>
      </dgm:t>
    </dgm:pt>
    <dgm:pt modelId="{6FB60D7C-0F11-4B44-8218-73C1B2434596}">
      <dgm:prSet phldrT="[Texto]"/>
      <dgm:spPr/>
      <dgm:t>
        <a:bodyPr/>
        <a:lstStyle/>
        <a:p>
          <a:r>
            <a:rPr lang="es-ES" b="1" dirty="0" smtClean="0"/>
            <a:t>Jefa Operadores </a:t>
          </a:r>
          <a:r>
            <a:rPr lang="es-ES" b="1" dirty="0"/>
            <a:t>y Supervisión Sala CCUM</a:t>
          </a:r>
        </a:p>
      </dgm:t>
    </dgm:pt>
    <dgm:pt modelId="{F02C1BA2-B4A3-464E-9418-625EA8A0F483}" type="parTrans" cxnId="{6BB61AA7-0291-425B-AC11-48914E452933}">
      <dgm:prSet/>
      <dgm:spPr/>
      <dgm:t>
        <a:bodyPr/>
        <a:lstStyle/>
        <a:p>
          <a:endParaRPr lang="es-ES"/>
        </a:p>
      </dgm:t>
    </dgm:pt>
    <dgm:pt modelId="{140DF50E-74A5-4C91-9C25-6092CB9F18E5}" type="sibTrans" cxnId="{6BB61AA7-0291-425B-AC11-48914E452933}">
      <dgm:prSet/>
      <dgm:spPr/>
      <dgm:t>
        <a:bodyPr/>
        <a:lstStyle/>
        <a:p>
          <a:endParaRPr lang="es-ES"/>
        </a:p>
      </dgm:t>
    </dgm:pt>
    <dgm:pt modelId="{3762D6C2-6AA1-47BE-9CCA-1D6DF419334C}">
      <dgm:prSet phldrT="[Texto]"/>
      <dgm:spPr/>
      <dgm:t>
        <a:bodyPr/>
        <a:lstStyle/>
        <a:p>
          <a:r>
            <a:rPr lang="es-ES" dirty="0" smtClean="0"/>
            <a:t>Gerencia GSAIB</a:t>
          </a:r>
          <a:endParaRPr lang="es-ES" dirty="0"/>
        </a:p>
      </dgm:t>
    </dgm:pt>
    <dgm:pt modelId="{36081EE8-706C-4601-BDED-0D7DC2F98F6D}" type="sibTrans" cxnId="{A8AA1F2F-21DD-48E5-88E3-D5D30A66039F}">
      <dgm:prSet/>
      <dgm:spPr/>
      <dgm:t>
        <a:bodyPr/>
        <a:lstStyle/>
        <a:p>
          <a:endParaRPr lang="es-ES"/>
        </a:p>
      </dgm:t>
    </dgm:pt>
    <dgm:pt modelId="{423EAE39-D2C2-4E8D-8E99-6D390B096E7D}" type="parTrans" cxnId="{A8AA1F2F-21DD-48E5-88E3-D5D30A66039F}">
      <dgm:prSet/>
      <dgm:spPr/>
      <dgm:t>
        <a:bodyPr/>
        <a:lstStyle/>
        <a:p>
          <a:endParaRPr lang="es-ES"/>
        </a:p>
      </dgm:t>
    </dgm:pt>
    <dgm:pt modelId="{8933F089-D5F9-4326-8AB0-1FB64E443873}">
      <dgm:prSet phldrT="[Texto]" custT="1"/>
      <dgm:spPr/>
      <dgm:t>
        <a:bodyPr/>
        <a:lstStyle/>
        <a:p>
          <a:r>
            <a:rPr lang="es-ES_tradnl" sz="1200" b="1" dirty="0" smtClean="0"/>
            <a:t>Gerencia GSAIB</a:t>
          </a:r>
        </a:p>
        <a:p>
          <a:r>
            <a:rPr lang="es-ES_tradnl" sz="1200" b="1" dirty="0" smtClean="0"/>
            <a:t>Coordinación GSAIB</a:t>
          </a:r>
          <a:endParaRPr lang="es-ES" sz="1200" b="1" dirty="0"/>
        </a:p>
      </dgm:t>
    </dgm:pt>
    <dgm:pt modelId="{6ED4BA0D-BB8E-483B-91A4-F07197198804}" type="sibTrans" cxnId="{6A8DC161-80CA-409C-AE09-CA894A22A0CB}">
      <dgm:prSet/>
      <dgm:spPr/>
      <dgm:t>
        <a:bodyPr/>
        <a:lstStyle/>
        <a:p>
          <a:endParaRPr lang="es-ES"/>
        </a:p>
      </dgm:t>
    </dgm:pt>
    <dgm:pt modelId="{71790162-BA63-41D0-940D-63D5CB26D758}" type="parTrans" cxnId="{6A8DC161-80CA-409C-AE09-CA894A22A0CB}">
      <dgm:prSet/>
      <dgm:spPr/>
      <dgm:t>
        <a:bodyPr/>
        <a:lstStyle/>
        <a:p>
          <a:endParaRPr lang="es-ES"/>
        </a:p>
      </dgm:t>
    </dgm:pt>
    <dgm:pt modelId="{70C5713C-BA22-4814-8033-F87F63D05B65}">
      <dgm:prSet phldrT="[Texto]" custT="1"/>
      <dgm:spPr/>
      <dgm:t>
        <a:bodyPr/>
        <a:lstStyle/>
        <a:p>
          <a:pPr algn="ctr"/>
          <a:r>
            <a:rPr lang="es-ES" sz="1200" b="1" dirty="0">
              <a:solidFill>
                <a:schemeClr val="bg1"/>
              </a:solidFill>
            </a:rPr>
            <a:t>- Mallorca: </a:t>
          </a:r>
          <a:endParaRPr lang="es-ES" sz="1200" b="1" dirty="0" smtClean="0">
            <a:solidFill>
              <a:schemeClr val="bg1"/>
            </a:solidFill>
          </a:endParaRPr>
        </a:p>
        <a:p>
          <a:pPr algn="ctr"/>
          <a:r>
            <a:rPr lang="es-ES" sz="1200" b="1" dirty="0" smtClean="0">
              <a:solidFill>
                <a:schemeClr val="bg1"/>
              </a:solidFill>
            </a:rPr>
            <a:t>2 </a:t>
          </a:r>
          <a:r>
            <a:rPr lang="es-ES" sz="1200" b="1" dirty="0">
              <a:solidFill>
                <a:schemeClr val="bg1"/>
              </a:solidFill>
            </a:rPr>
            <a:t>TES </a:t>
          </a:r>
          <a:r>
            <a:rPr lang="es-ES" sz="1200" b="1" dirty="0" smtClean="0">
              <a:solidFill>
                <a:schemeClr val="bg1"/>
              </a:solidFill>
            </a:rPr>
            <a:t>Nave</a:t>
          </a:r>
          <a:endParaRPr lang="es-ES" sz="1200" b="1" dirty="0">
            <a:solidFill>
              <a:schemeClr val="accent2"/>
            </a:solidFill>
          </a:endParaRPr>
        </a:p>
      </dgm:t>
    </dgm:pt>
    <dgm:pt modelId="{9D6EED52-1682-47FE-9513-BC28717CB880}" type="parTrans" cxnId="{670B5B47-EB5F-4CB1-A5A2-AED0713E8D58}">
      <dgm:prSet/>
      <dgm:spPr/>
      <dgm:t>
        <a:bodyPr/>
        <a:lstStyle/>
        <a:p>
          <a:endParaRPr lang="es-ES"/>
        </a:p>
      </dgm:t>
    </dgm:pt>
    <dgm:pt modelId="{457538D1-8508-42EC-BF1C-84EDF5DF4467}" type="sibTrans" cxnId="{670B5B47-EB5F-4CB1-A5A2-AED0713E8D58}">
      <dgm:prSet/>
      <dgm:spPr/>
      <dgm:t>
        <a:bodyPr/>
        <a:lstStyle/>
        <a:p>
          <a:endParaRPr lang="es-ES"/>
        </a:p>
      </dgm:t>
    </dgm:pt>
    <dgm:pt modelId="{3C494DA8-FDD8-4F53-BF5F-FD9648E6C491}">
      <dgm:prSet phldrT="[Texto]" custT="1"/>
      <dgm:spPr/>
      <dgm:t>
        <a:bodyPr/>
        <a:lstStyle/>
        <a:p>
          <a:r>
            <a:rPr lang="es-ES" sz="1200" b="1" dirty="0" smtClean="0"/>
            <a:t>Dirección RRHH</a:t>
          </a:r>
          <a:endParaRPr lang="es-ES" sz="1200" b="1" dirty="0"/>
        </a:p>
      </dgm:t>
    </dgm:pt>
    <dgm:pt modelId="{2D5AC21E-D375-465E-A8F2-E9A15823F569}" type="sibTrans" cxnId="{B06AAF1E-C89E-49C7-BE71-E39C0C21C94F}">
      <dgm:prSet/>
      <dgm:spPr/>
      <dgm:t>
        <a:bodyPr/>
        <a:lstStyle/>
        <a:p>
          <a:endParaRPr lang="es-ES"/>
        </a:p>
      </dgm:t>
    </dgm:pt>
    <dgm:pt modelId="{82B2C00F-123D-4E04-B3FB-2F0DAFFDC8C2}" type="parTrans" cxnId="{B06AAF1E-C89E-49C7-BE71-E39C0C21C94F}">
      <dgm:prSet/>
      <dgm:spPr/>
      <dgm:t>
        <a:bodyPr/>
        <a:lstStyle/>
        <a:p>
          <a:endParaRPr lang="es-ES"/>
        </a:p>
      </dgm:t>
    </dgm:pt>
    <dgm:pt modelId="{A3ED2A45-C574-4E0A-9AF5-CF73AFC87DE6}">
      <dgm:prSet phldrT="[Texto]" custT="1"/>
      <dgm:spPr/>
      <dgm:t>
        <a:bodyPr/>
        <a:lstStyle/>
        <a:p>
          <a:pPr algn="ctr"/>
          <a:r>
            <a:rPr lang="es-ES" sz="1200" b="1" dirty="0" smtClean="0"/>
            <a:t>Supervisores Sala CCUM</a:t>
          </a:r>
          <a:endParaRPr lang="es-ES" sz="1200" b="1" dirty="0"/>
        </a:p>
        <a:p>
          <a:pPr algn="ctr"/>
          <a:r>
            <a:rPr lang="es-ES" sz="1200" b="1" dirty="0" smtClean="0"/>
            <a:t>Operadores CCUM061</a:t>
          </a:r>
          <a:endParaRPr lang="es-ES" sz="1200" b="1" dirty="0"/>
        </a:p>
      </dgm:t>
    </dgm:pt>
    <dgm:pt modelId="{9E882283-9749-4A8C-8C90-AB39E33A738F}" type="parTrans" cxnId="{F13466F2-88A4-429C-AA80-26CF5E76D24C}">
      <dgm:prSet/>
      <dgm:spPr/>
      <dgm:t>
        <a:bodyPr/>
        <a:lstStyle/>
        <a:p>
          <a:endParaRPr lang="es-ES"/>
        </a:p>
      </dgm:t>
    </dgm:pt>
    <dgm:pt modelId="{D5D08AB0-D223-440C-AAFF-809DBD2E489B}" type="sibTrans" cxnId="{F13466F2-88A4-429C-AA80-26CF5E76D24C}">
      <dgm:prSet/>
      <dgm:spPr/>
      <dgm:t>
        <a:bodyPr/>
        <a:lstStyle/>
        <a:p>
          <a:endParaRPr lang="es-ES"/>
        </a:p>
      </dgm:t>
    </dgm:pt>
    <dgm:pt modelId="{3B97CA54-2B41-422D-BC6D-90A7001BD9E9}">
      <dgm:prSet phldrT="[Texto]"/>
      <dgm:spPr/>
      <dgm:t>
        <a:bodyPr/>
        <a:lstStyle/>
        <a:p>
          <a:r>
            <a:rPr lang="es-ES" dirty="0" smtClean="0"/>
            <a:t>Profesionales</a:t>
          </a:r>
          <a:endParaRPr lang="es-ES" dirty="0"/>
        </a:p>
      </dgm:t>
    </dgm:pt>
    <dgm:pt modelId="{17562832-1420-4B14-AF1E-2EB77DD3CF4D}" type="parTrans" cxnId="{54EFE0A9-CF00-4660-906E-EB4345F7BB9E}">
      <dgm:prSet/>
      <dgm:spPr/>
      <dgm:t>
        <a:bodyPr/>
        <a:lstStyle/>
        <a:p>
          <a:endParaRPr lang="es-ES"/>
        </a:p>
      </dgm:t>
    </dgm:pt>
    <dgm:pt modelId="{4CFF3F90-47DA-4992-B7A5-8A5BB975578F}" type="sibTrans" cxnId="{54EFE0A9-CF00-4660-906E-EB4345F7BB9E}">
      <dgm:prSet/>
      <dgm:spPr/>
      <dgm:t>
        <a:bodyPr/>
        <a:lstStyle/>
        <a:p>
          <a:endParaRPr lang="es-ES"/>
        </a:p>
      </dgm:t>
    </dgm:pt>
    <dgm:pt modelId="{636D1108-638C-4D11-9E5D-EADD64E4D865}" type="pres">
      <dgm:prSet presAssocID="{83C6F185-C275-49F8-9A4C-D191AA52E8E9}" presName="mainComposite" presStyleCnt="0">
        <dgm:presLayoutVars>
          <dgm:chPref val="1"/>
          <dgm:dir/>
          <dgm:animOne val="branch"/>
          <dgm:animLvl val="lvl"/>
          <dgm:resizeHandles val="exact"/>
        </dgm:presLayoutVars>
      </dgm:prSet>
      <dgm:spPr/>
      <dgm:t>
        <a:bodyPr/>
        <a:lstStyle/>
        <a:p>
          <a:endParaRPr lang="es-ES"/>
        </a:p>
      </dgm:t>
    </dgm:pt>
    <dgm:pt modelId="{FC349420-6A8B-4E85-AA99-B85D4A2734F8}" type="pres">
      <dgm:prSet presAssocID="{83C6F185-C275-49F8-9A4C-D191AA52E8E9}" presName="hierFlow" presStyleCnt="0"/>
      <dgm:spPr/>
    </dgm:pt>
    <dgm:pt modelId="{7EE59CD4-55AB-4BB2-B0EF-ABA74957646C}" type="pres">
      <dgm:prSet presAssocID="{83C6F185-C275-49F8-9A4C-D191AA52E8E9}" presName="firstBuf" presStyleCnt="0"/>
      <dgm:spPr/>
    </dgm:pt>
    <dgm:pt modelId="{B5E9A3A9-4A7C-47CD-9E86-418425C31FA0}" type="pres">
      <dgm:prSet presAssocID="{83C6F185-C275-49F8-9A4C-D191AA52E8E9}" presName="hierChild1" presStyleCnt="0">
        <dgm:presLayoutVars>
          <dgm:chPref val="1"/>
          <dgm:animOne val="branch"/>
          <dgm:animLvl val="lvl"/>
        </dgm:presLayoutVars>
      </dgm:prSet>
      <dgm:spPr/>
    </dgm:pt>
    <dgm:pt modelId="{4BFE530E-35E6-4362-92EE-85A8F0152F6A}" type="pres">
      <dgm:prSet presAssocID="{8933F089-D5F9-4326-8AB0-1FB64E443873}" presName="Name14" presStyleCnt="0"/>
      <dgm:spPr/>
    </dgm:pt>
    <dgm:pt modelId="{6F658E00-866F-4F71-9C30-9F2D6A35D2D2}" type="pres">
      <dgm:prSet presAssocID="{8933F089-D5F9-4326-8AB0-1FB64E443873}" presName="level1Shape" presStyleLbl="node0" presStyleIdx="0" presStyleCnt="1" custScaleX="140078" custLinFactNeighborX="68447">
        <dgm:presLayoutVars>
          <dgm:chPref val="3"/>
        </dgm:presLayoutVars>
      </dgm:prSet>
      <dgm:spPr/>
      <dgm:t>
        <a:bodyPr/>
        <a:lstStyle/>
        <a:p>
          <a:endParaRPr lang="es-ES"/>
        </a:p>
      </dgm:t>
    </dgm:pt>
    <dgm:pt modelId="{0190E915-6032-4405-9821-4F22EC2F4379}" type="pres">
      <dgm:prSet presAssocID="{8933F089-D5F9-4326-8AB0-1FB64E443873}" presName="hierChild2" presStyleCnt="0"/>
      <dgm:spPr/>
    </dgm:pt>
    <dgm:pt modelId="{247B89DB-FDB7-46DB-A7B2-66B8B3BAFAD8}" type="pres">
      <dgm:prSet presAssocID="{82B2C00F-123D-4E04-B3FB-2F0DAFFDC8C2}" presName="Name19" presStyleLbl="parChTrans1D2" presStyleIdx="0" presStyleCnt="2"/>
      <dgm:spPr/>
      <dgm:t>
        <a:bodyPr/>
        <a:lstStyle/>
        <a:p>
          <a:endParaRPr lang="es-ES"/>
        </a:p>
      </dgm:t>
    </dgm:pt>
    <dgm:pt modelId="{736E1377-B99A-40B6-ACF2-1680620928D8}" type="pres">
      <dgm:prSet presAssocID="{3C494DA8-FDD8-4F53-BF5F-FD9648E6C491}" presName="Name21" presStyleCnt="0"/>
      <dgm:spPr/>
    </dgm:pt>
    <dgm:pt modelId="{0C6FC343-DECB-4414-9A2F-A25E5E961A92}" type="pres">
      <dgm:prSet presAssocID="{3C494DA8-FDD8-4F53-BF5F-FD9648E6C491}" presName="level2Shape" presStyleLbl="node2" presStyleIdx="0" presStyleCnt="2" custLinFactNeighborX="-4744" custLinFactNeighborY="-3305"/>
      <dgm:spPr/>
      <dgm:t>
        <a:bodyPr/>
        <a:lstStyle/>
        <a:p>
          <a:endParaRPr lang="es-ES"/>
        </a:p>
      </dgm:t>
    </dgm:pt>
    <dgm:pt modelId="{806B62C8-0ADE-4004-87A5-4024EC421F16}" type="pres">
      <dgm:prSet presAssocID="{3C494DA8-FDD8-4F53-BF5F-FD9648E6C491}" presName="hierChild3" presStyleCnt="0"/>
      <dgm:spPr/>
    </dgm:pt>
    <dgm:pt modelId="{84054F71-2F13-4EC9-B0A1-26E1F19B5583}" type="pres">
      <dgm:prSet presAssocID="{F3065C83-EC15-4494-9A68-518D593460F6}" presName="Name19" presStyleLbl="parChTrans1D3" presStyleIdx="0" presStyleCnt="4"/>
      <dgm:spPr/>
      <dgm:t>
        <a:bodyPr/>
        <a:lstStyle/>
        <a:p>
          <a:endParaRPr lang="es-ES"/>
        </a:p>
      </dgm:t>
    </dgm:pt>
    <dgm:pt modelId="{8D2393E0-EA32-44E7-AA77-6F668C44ABC4}" type="pres">
      <dgm:prSet presAssocID="{7843F2DC-A465-45A2-ADF0-7E90668FA72A}" presName="Name21" presStyleCnt="0"/>
      <dgm:spPr/>
    </dgm:pt>
    <dgm:pt modelId="{BBC0020D-DCA6-47BB-953C-C3D36A1CCBB4}" type="pres">
      <dgm:prSet presAssocID="{7843F2DC-A465-45A2-ADF0-7E90668FA72A}" presName="level2Shape" presStyleLbl="node3" presStyleIdx="0" presStyleCnt="4" custScaleX="121224" custLinFactY="100000" custLinFactNeighborX="-4590" custLinFactNeighborY="174059"/>
      <dgm:spPr/>
      <dgm:t>
        <a:bodyPr/>
        <a:lstStyle/>
        <a:p>
          <a:endParaRPr lang="es-ES"/>
        </a:p>
      </dgm:t>
    </dgm:pt>
    <dgm:pt modelId="{97C10048-9530-4EC3-9CA6-8053D5C599F0}" type="pres">
      <dgm:prSet presAssocID="{7843F2DC-A465-45A2-ADF0-7E90668FA72A}" presName="hierChild3" presStyleCnt="0"/>
      <dgm:spPr/>
    </dgm:pt>
    <dgm:pt modelId="{537384F2-28F3-4E98-B3D3-87C08A27ADE6}" type="pres">
      <dgm:prSet presAssocID="{447696A4-BBFA-4D66-8C7A-747F1E3F5A99}" presName="Name19" presStyleLbl="parChTrans1D2" presStyleIdx="1" presStyleCnt="2"/>
      <dgm:spPr/>
      <dgm:t>
        <a:bodyPr/>
        <a:lstStyle/>
        <a:p>
          <a:endParaRPr lang="es-ES"/>
        </a:p>
      </dgm:t>
    </dgm:pt>
    <dgm:pt modelId="{57BA91DE-58C9-4432-8AC1-290602EF7F15}" type="pres">
      <dgm:prSet presAssocID="{52D39F14-E53F-4A38-9333-2505990DD674}" presName="Name21" presStyleCnt="0"/>
      <dgm:spPr/>
    </dgm:pt>
    <dgm:pt modelId="{593E071D-6A54-42DC-BD94-1DF1EE9097FA}" type="pres">
      <dgm:prSet presAssocID="{52D39F14-E53F-4A38-9333-2505990DD674}" presName="level2Shape" presStyleLbl="node2" presStyleIdx="1" presStyleCnt="2" custScaleX="98486" custLinFactNeighborX="89464" custLinFactNeighborY="-3985"/>
      <dgm:spPr/>
      <dgm:t>
        <a:bodyPr/>
        <a:lstStyle/>
        <a:p>
          <a:endParaRPr lang="es-ES"/>
        </a:p>
      </dgm:t>
    </dgm:pt>
    <dgm:pt modelId="{00C3C701-C885-448B-8459-3D20E91C5364}" type="pres">
      <dgm:prSet presAssocID="{52D39F14-E53F-4A38-9333-2505990DD674}" presName="hierChild3" presStyleCnt="0"/>
      <dgm:spPr/>
    </dgm:pt>
    <dgm:pt modelId="{E17EBC2E-ADDD-45A6-B649-E1370D0A4B7C}" type="pres">
      <dgm:prSet presAssocID="{47848408-A998-45BE-89E5-DDDE2BA05D23}" presName="Name19" presStyleLbl="parChTrans1D3" presStyleIdx="1" presStyleCnt="4"/>
      <dgm:spPr/>
      <dgm:t>
        <a:bodyPr/>
        <a:lstStyle/>
        <a:p>
          <a:endParaRPr lang="es-ES"/>
        </a:p>
      </dgm:t>
    </dgm:pt>
    <dgm:pt modelId="{E07E9AD8-E9F0-4280-BB4E-3CE462DF4599}" type="pres">
      <dgm:prSet presAssocID="{863E86BE-178D-4F0F-9D3E-50452451A2D0}" presName="Name21" presStyleCnt="0"/>
      <dgm:spPr/>
    </dgm:pt>
    <dgm:pt modelId="{70944ACF-DBA4-4A94-93D6-60662634635F}" type="pres">
      <dgm:prSet presAssocID="{863E86BE-178D-4F0F-9D3E-50452451A2D0}" presName="level2Shape" presStyleLbl="node3" presStyleIdx="1" presStyleCnt="4"/>
      <dgm:spPr/>
      <dgm:t>
        <a:bodyPr/>
        <a:lstStyle/>
        <a:p>
          <a:endParaRPr lang="es-ES"/>
        </a:p>
      </dgm:t>
    </dgm:pt>
    <dgm:pt modelId="{B0037FD2-B95C-41A2-8A56-17DEDBA8E48D}" type="pres">
      <dgm:prSet presAssocID="{863E86BE-178D-4F0F-9D3E-50452451A2D0}" presName="hierChild3" presStyleCnt="0"/>
      <dgm:spPr/>
    </dgm:pt>
    <dgm:pt modelId="{D232F225-E43A-4EB6-9176-904B9F316D01}" type="pres">
      <dgm:prSet presAssocID="{ADBECF62-D3F0-4965-8BBC-1D3E4A7938FB}" presName="Name19" presStyleLbl="parChTrans1D4" presStyleIdx="0" presStyleCnt="5"/>
      <dgm:spPr/>
      <dgm:t>
        <a:bodyPr/>
        <a:lstStyle/>
        <a:p>
          <a:endParaRPr lang="es-ES"/>
        </a:p>
      </dgm:t>
    </dgm:pt>
    <dgm:pt modelId="{6CFF4C31-F44E-48F2-A652-5DFABB5092AA}" type="pres">
      <dgm:prSet presAssocID="{D06BC340-07FB-40E0-A41B-08D104249832}" presName="Name21" presStyleCnt="0"/>
      <dgm:spPr/>
    </dgm:pt>
    <dgm:pt modelId="{CB827199-93C8-4EE8-9711-430C471C91EE}" type="pres">
      <dgm:prSet presAssocID="{D06BC340-07FB-40E0-A41B-08D104249832}" presName="level2Shape" presStyleLbl="node4" presStyleIdx="0" presStyleCnt="5"/>
      <dgm:spPr/>
      <dgm:t>
        <a:bodyPr/>
        <a:lstStyle/>
        <a:p>
          <a:endParaRPr lang="es-ES"/>
        </a:p>
      </dgm:t>
    </dgm:pt>
    <dgm:pt modelId="{05469A83-337D-4D42-848D-27C93FED3B69}" type="pres">
      <dgm:prSet presAssocID="{D06BC340-07FB-40E0-A41B-08D104249832}" presName="hierChild3" presStyleCnt="0"/>
      <dgm:spPr/>
    </dgm:pt>
    <dgm:pt modelId="{78DF75D0-E568-4632-8CF2-887E1EEF3383}" type="pres">
      <dgm:prSet presAssocID="{9D6EED52-1682-47FE-9513-BC28717CB880}" presName="Name19" presStyleLbl="parChTrans1D4" presStyleIdx="1" presStyleCnt="5"/>
      <dgm:spPr/>
      <dgm:t>
        <a:bodyPr/>
        <a:lstStyle/>
        <a:p>
          <a:endParaRPr lang="es-ES"/>
        </a:p>
      </dgm:t>
    </dgm:pt>
    <dgm:pt modelId="{913DA00C-329F-4CDC-A24C-1ABA6C7AAC9C}" type="pres">
      <dgm:prSet presAssocID="{70C5713C-BA22-4814-8033-F87F63D05B65}" presName="Name21" presStyleCnt="0"/>
      <dgm:spPr/>
    </dgm:pt>
    <dgm:pt modelId="{F1B7FAAC-3628-486C-B854-A4D0FFAAB3FF}" type="pres">
      <dgm:prSet presAssocID="{70C5713C-BA22-4814-8033-F87F63D05B65}" presName="level2Shape" presStyleLbl="node4" presStyleIdx="1" presStyleCnt="5" custLinFactNeighborY="-10170"/>
      <dgm:spPr/>
      <dgm:t>
        <a:bodyPr/>
        <a:lstStyle/>
        <a:p>
          <a:endParaRPr lang="es-ES"/>
        </a:p>
      </dgm:t>
    </dgm:pt>
    <dgm:pt modelId="{8BECF9CD-C60E-4015-93C3-45B545075D90}" type="pres">
      <dgm:prSet presAssocID="{70C5713C-BA22-4814-8033-F87F63D05B65}" presName="hierChild3" presStyleCnt="0"/>
      <dgm:spPr/>
    </dgm:pt>
    <dgm:pt modelId="{2222B882-C5F5-4461-8A0A-F143651A3699}" type="pres">
      <dgm:prSet presAssocID="{8388938A-84E9-40AE-8028-BBB4451C2294}" presName="Name19" presStyleLbl="parChTrans1D3" presStyleIdx="2" presStyleCnt="4"/>
      <dgm:spPr/>
      <dgm:t>
        <a:bodyPr/>
        <a:lstStyle/>
        <a:p>
          <a:endParaRPr lang="es-ES"/>
        </a:p>
      </dgm:t>
    </dgm:pt>
    <dgm:pt modelId="{57EAF8F0-0863-4109-B966-5F399106C15C}" type="pres">
      <dgm:prSet presAssocID="{32BB931A-6CEB-4340-8281-155714D37E31}" presName="Name21" presStyleCnt="0"/>
      <dgm:spPr/>
    </dgm:pt>
    <dgm:pt modelId="{19A87BFE-A3EE-4C2A-9E36-3BF90A0DC027}" type="pres">
      <dgm:prSet presAssocID="{32BB931A-6CEB-4340-8281-155714D37E31}" presName="level2Shape" presStyleLbl="node3" presStyleIdx="2" presStyleCnt="4"/>
      <dgm:spPr/>
      <dgm:t>
        <a:bodyPr/>
        <a:lstStyle/>
        <a:p>
          <a:endParaRPr lang="es-ES"/>
        </a:p>
      </dgm:t>
    </dgm:pt>
    <dgm:pt modelId="{776D6C46-E273-407A-B2B3-DED567E5B778}" type="pres">
      <dgm:prSet presAssocID="{32BB931A-6CEB-4340-8281-155714D37E31}" presName="hierChild3" presStyleCnt="0"/>
      <dgm:spPr/>
    </dgm:pt>
    <dgm:pt modelId="{5834D663-F2CC-477A-8AAE-51D55168DEED}" type="pres">
      <dgm:prSet presAssocID="{3246BDA7-43E0-4DE3-B845-7702421C8349}" presName="Name19" presStyleLbl="parChTrans1D4" presStyleIdx="2" presStyleCnt="5"/>
      <dgm:spPr/>
      <dgm:t>
        <a:bodyPr/>
        <a:lstStyle/>
        <a:p>
          <a:endParaRPr lang="es-ES"/>
        </a:p>
      </dgm:t>
    </dgm:pt>
    <dgm:pt modelId="{5F9F23C6-F631-4EF4-80FA-1859CC8F75EB}" type="pres">
      <dgm:prSet presAssocID="{885CFD7A-E30C-4E52-A11D-1B502853CB82}" presName="Name21" presStyleCnt="0"/>
      <dgm:spPr/>
    </dgm:pt>
    <dgm:pt modelId="{21734E9E-4C8E-4719-91BC-ADBD614B6AC4}" type="pres">
      <dgm:prSet presAssocID="{885CFD7A-E30C-4E52-A11D-1B502853CB82}" presName="level2Shape" presStyleLbl="node4" presStyleIdx="2" presStyleCnt="5" custScaleX="147069"/>
      <dgm:spPr/>
      <dgm:t>
        <a:bodyPr/>
        <a:lstStyle/>
        <a:p>
          <a:endParaRPr lang="es-ES"/>
        </a:p>
      </dgm:t>
    </dgm:pt>
    <dgm:pt modelId="{9DF2829B-5609-4C6D-B402-0677D7A14199}" type="pres">
      <dgm:prSet presAssocID="{885CFD7A-E30C-4E52-A11D-1B502853CB82}" presName="hierChild3" presStyleCnt="0"/>
      <dgm:spPr/>
    </dgm:pt>
    <dgm:pt modelId="{93DB987A-5721-47E1-975D-1984DF232DFF}" type="pres">
      <dgm:prSet presAssocID="{B88D519C-BE65-4C0C-98AA-DE0DFA976C17}" presName="Name19" presStyleLbl="parChTrans1D4" presStyleIdx="3" presStyleCnt="5"/>
      <dgm:spPr/>
      <dgm:t>
        <a:bodyPr/>
        <a:lstStyle/>
        <a:p>
          <a:endParaRPr lang="es-ES"/>
        </a:p>
      </dgm:t>
    </dgm:pt>
    <dgm:pt modelId="{3123F923-D077-45C7-9D36-8CA7CFDE7E6E}" type="pres">
      <dgm:prSet presAssocID="{8F327A68-8F15-48E1-9F58-E0C9554BEBF6}" presName="Name21" presStyleCnt="0"/>
      <dgm:spPr/>
    </dgm:pt>
    <dgm:pt modelId="{785F2F98-171D-4621-9DC8-4A02A5231AE6}" type="pres">
      <dgm:prSet presAssocID="{8F327A68-8F15-48E1-9F58-E0C9554BEBF6}" presName="level2Shape" presStyleLbl="node4" presStyleIdx="3" presStyleCnt="5" custScaleX="104385" custLinFactNeighborX="560" custLinFactNeighborY="-9835"/>
      <dgm:spPr/>
      <dgm:t>
        <a:bodyPr/>
        <a:lstStyle/>
        <a:p>
          <a:endParaRPr lang="es-ES"/>
        </a:p>
      </dgm:t>
    </dgm:pt>
    <dgm:pt modelId="{C1BE6709-5D7C-4023-8AE1-CFA1494D0B75}" type="pres">
      <dgm:prSet presAssocID="{8F327A68-8F15-48E1-9F58-E0C9554BEBF6}" presName="hierChild3" presStyleCnt="0"/>
      <dgm:spPr/>
    </dgm:pt>
    <dgm:pt modelId="{0AE113A1-27AF-44F1-9FAC-4698A1BFF5B0}" type="pres">
      <dgm:prSet presAssocID="{F02C1BA2-B4A3-464E-9418-625EA8A0F483}" presName="Name19" presStyleLbl="parChTrans1D3" presStyleIdx="3" presStyleCnt="4"/>
      <dgm:spPr/>
      <dgm:t>
        <a:bodyPr/>
        <a:lstStyle/>
        <a:p>
          <a:endParaRPr lang="es-ES"/>
        </a:p>
      </dgm:t>
    </dgm:pt>
    <dgm:pt modelId="{0705C6F2-EF0D-478C-80DA-1C3571126AA8}" type="pres">
      <dgm:prSet presAssocID="{6FB60D7C-0F11-4B44-8218-73C1B2434596}" presName="Name21" presStyleCnt="0"/>
      <dgm:spPr/>
    </dgm:pt>
    <dgm:pt modelId="{AE3BDE76-FEB0-4923-89F3-9D9B4C614DCE}" type="pres">
      <dgm:prSet presAssocID="{6FB60D7C-0F11-4B44-8218-73C1B2434596}" presName="level2Shape" presStyleLbl="node3" presStyleIdx="3" presStyleCnt="4" custLinFactY="35311" custLinFactNeighborX="419" custLinFactNeighborY="100000"/>
      <dgm:spPr/>
      <dgm:t>
        <a:bodyPr/>
        <a:lstStyle/>
        <a:p>
          <a:endParaRPr lang="es-ES"/>
        </a:p>
      </dgm:t>
    </dgm:pt>
    <dgm:pt modelId="{24BE3B25-15D7-49D7-991F-4C9E1F2CBF81}" type="pres">
      <dgm:prSet presAssocID="{6FB60D7C-0F11-4B44-8218-73C1B2434596}" presName="hierChild3" presStyleCnt="0"/>
      <dgm:spPr/>
    </dgm:pt>
    <dgm:pt modelId="{ED483D2A-F6AC-41DB-A270-35894ADF141B}" type="pres">
      <dgm:prSet presAssocID="{9E882283-9749-4A8C-8C90-AB39E33A738F}" presName="Name19" presStyleLbl="parChTrans1D4" presStyleIdx="4" presStyleCnt="5"/>
      <dgm:spPr/>
      <dgm:t>
        <a:bodyPr/>
        <a:lstStyle/>
        <a:p>
          <a:endParaRPr lang="es-ES"/>
        </a:p>
      </dgm:t>
    </dgm:pt>
    <dgm:pt modelId="{1897FF26-54F3-4233-9395-817D97B83C08}" type="pres">
      <dgm:prSet presAssocID="{A3ED2A45-C574-4E0A-9AF5-CF73AFC87DE6}" presName="Name21" presStyleCnt="0"/>
      <dgm:spPr/>
    </dgm:pt>
    <dgm:pt modelId="{31A101B4-91C8-4CDF-800B-409560F2D053}" type="pres">
      <dgm:prSet presAssocID="{A3ED2A45-C574-4E0A-9AF5-CF73AFC87DE6}" presName="level2Shape" presStyleLbl="node4" presStyleIdx="4" presStyleCnt="5" custScaleX="107568" custScaleY="120142" custLinFactY="25523" custLinFactNeighborX="-3219" custLinFactNeighborY="100000"/>
      <dgm:spPr/>
      <dgm:t>
        <a:bodyPr/>
        <a:lstStyle/>
        <a:p>
          <a:endParaRPr lang="es-ES"/>
        </a:p>
      </dgm:t>
    </dgm:pt>
    <dgm:pt modelId="{D073165E-0E08-4DEB-9B04-78924AD01E43}" type="pres">
      <dgm:prSet presAssocID="{A3ED2A45-C574-4E0A-9AF5-CF73AFC87DE6}" presName="hierChild3" presStyleCnt="0"/>
      <dgm:spPr/>
    </dgm:pt>
    <dgm:pt modelId="{171C1F1A-C22E-4D27-BF7F-CDCC58C465BA}" type="pres">
      <dgm:prSet presAssocID="{83C6F185-C275-49F8-9A4C-D191AA52E8E9}" presName="bgShapesFlow" presStyleCnt="0"/>
      <dgm:spPr/>
    </dgm:pt>
    <dgm:pt modelId="{0EE7F655-FC13-4469-96F9-A1B4C6C6E582}" type="pres">
      <dgm:prSet presAssocID="{3762D6C2-6AA1-47BE-9CCA-1D6DF419334C}" presName="rectComp" presStyleCnt="0"/>
      <dgm:spPr/>
    </dgm:pt>
    <dgm:pt modelId="{5A91829B-3FF8-40C5-A382-3154E7794D11}" type="pres">
      <dgm:prSet presAssocID="{3762D6C2-6AA1-47BE-9CCA-1D6DF419334C}" presName="bgRect" presStyleLbl="bgShp" presStyleIdx="0" presStyleCnt="5" custLinFactNeighborY="-7126"/>
      <dgm:spPr/>
      <dgm:t>
        <a:bodyPr/>
        <a:lstStyle/>
        <a:p>
          <a:endParaRPr lang="es-ES"/>
        </a:p>
      </dgm:t>
    </dgm:pt>
    <dgm:pt modelId="{EA303A04-A7A3-4FE2-9E0E-DFC3F4C58DFB}" type="pres">
      <dgm:prSet presAssocID="{3762D6C2-6AA1-47BE-9CCA-1D6DF419334C}" presName="bgRectTx" presStyleLbl="bgShp" presStyleIdx="0" presStyleCnt="5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39311090-E665-4CA7-A957-8C24E52E7AA6}" type="pres">
      <dgm:prSet presAssocID="{3762D6C2-6AA1-47BE-9CCA-1D6DF419334C}" presName="spComp" presStyleCnt="0"/>
      <dgm:spPr/>
    </dgm:pt>
    <dgm:pt modelId="{1C4852BA-44C7-4057-AFC7-F09AC1098E62}" type="pres">
      <dgm:prSet presAssocID="{3762D6C2-6AA1-47BE-9CCA-1D6DF419334C}" presName="vSp" presStyleCnt="0"/>
      <dgm:spPr/>
    </dgm:pt>
    <dgm:pt modelId="{755F5308-AD9A-40BA-BD6C-EA56B1A7F633}" type="pres">
      <dgm:prSet presAssocID="{B107A72F-ACB2-41CD-B71A-A632C6C377E8}" presName="rectComp" presStyleCnt="0"/>
      <dgm:spPr/>
    </dgm:pt>
    <dgm:pt modelId="{80EEE1A7-72B9-42B5-A172-F2404671E23F}" type="pres">
      <dgm:prSet presAssocID="{B107A72F-ACB2-41CD-B71A-A632C6C377E8}" presName="bgRect" presStyleLbl="bgShp" presStyleIdx="1" presStyleCnt="5"/>
      <dgm:spPr/>
      <dgm:t>
        <a:bodyPr/>
        <a:lstStyle/>
        <a:p>
          <a:endParaRPr lang="es-ES"/>
        </a:p>
      </dgm:t>
    </dgm:pt>
    <dgm:pt modelId="{8AC284DA-6747-4F21-9406-94ABD37D9B70}" type="pres">
      <dgm:prSet presAssocID="{B107A72F-ACB2-41CD-B71A-A632C6C377E8}" presName="bgRectTx" presStyleLbl="bgShp" presStyleIdx="1" presStyleCnt="5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17869782-0D52-471B-9376-12A0F4320ADD}" type="pres">
      <dgm:prSet presAssocID="{B107A72F-ACB2-41CD-B71A-A632C6C377E8}" presName="spComp" presStyleCnt="0"/>
      <dgm:spPr/>
    </dgm:pt>
    <dgm:pt modelId="{2F147D43-5BCE-417D-8542-018325FDC5D0}" type="pres">
      <dgm:prSet presAssocID="{B107A72F-ACB2-41CD-B71A-A632C6C377E8}" presName="vSp" presStyleCnt="0"/>
      <dgm:spPr/>
    </dgm:pt>
    <dgm:pt modelId="{513037BB-1519-403E-B560-2BA741227F71}" type="pres">
      <dgm:prSet presAssocID="{7AADB0FD-67A3-4D7A-8DDF-2D7AFC2D103C}" presName="rectComp" presStyleCnt="0"/>
      <dgm:spPr/>
    </dgm:pt>
    <dgm:pt modelId="{F0B0C428-8F47-4E7B-A471-43CA253AB509}" type="pres">
      <dgm:prSet presAssocID="{7AADB0FD-67A3-4D7A-8DDF-2D7AFC2D103C}" presName="bgRect" presStyleLbl="bgShp" presStyleIdx="2" presStyleCnt="5"/>
      <dgm:spPr/>
      <dgm:t>
        <a:bodyPr/>
        <a:lstStyle/>
        <a:p>
          <a:endParaRPr lang="es-ES"/>
        </a:p>
      </dgm:t>
    </dgm:pt>
    <dgm:pt modelId="{69B19550-80D0-4549-B968-8B4FF66DF53F}" type="pres">
      <dgm:prSet presAssocID="{7AADB0FD-67A3-4D7A-8DDF-2D7AFC2D103C}" presName="bgRectTx" presStyleLbl="bgShp" presStyleIdx="2" presStyleCnt="5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B7818D82-A22F-42F2-A36D-0239EE2FEC21}" type="pres">
      <dgm:prSet presAssocID="{7AADB0FD-67A3-4D7A-8DDF-2D7AFC2D103C}" presName="spComp" presStyleCnt="0"/>
      <dgm:spPr/>
    </dgm:pt>
    <dgm:pt modelId="{E3F44A99-61BF-4771-9444-57838FC4491C}" type="pres">
      <dgm:prSet presAssocID="{7AADB0FD-67A3-4D7A-8DDF-2D7AFC2D103C}" presName="vSp" presStyleCnt="0"/>
      <dgm:spPr/>
    </dgm:pt>
    <dgm:pt modelId="{4AA20FFD-0447-4494-89E0-F8A40CB85478}" type="pres">
      <dgm:prSet presAssocID="{D66E62EF-E697-4C39-A835-E616172FD864}" presName="rectComp" presStyleCnt="0"/>
      <dgm:spPr/>
    </dgm:pt>
    <dgm:pt modelId="{8F216C19-378E-4FCC-84CE-7253711FC1F7}" type="pres">
      <dgm:prSet presAssocID="{D66E62EF-E697-4C39-A835-E616172FD864}" presName="bgRect" presStyleLbl="bgShp" presStyleIdx="3" presStyleCnt="5" custLinFactNeighborY="-2755"/>
      <dgm:spPr/>
      <dgm:t>
        <a:bodyPr/>
        <a:lstStyle/>
        <a:p>
          <a:endParaRPr lang="es-ES"/>
        </a:p>
      </dgm:t>
    </dgm:pt>
    <dgm:pt modelId="{975D3C81-6D8C-462E-87F4-616E79D38A90}" type="pres">
      <dgm:prSet presAssocID="{D66E62EF-E697-4C39-A835-E616172FD864}" presName="bgRectTx" presStyleLbl="bgShp" presStyleIdx="3" presStyleCnt="5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96484BA9-C475-49D1-B890-85E3B0E71CBB}" type="pres">
      <dgm:prSet presAssocID="{D66E62EF-E697-4C39-A835-E616172FD864}" presName="spComp" presStyleCnt="0"/>
      <dgm:spPr/>
    </dgm:pt>
    <dgm:pt modelId="{0136700F-BE9C-4AC8-8327-776E2D20CB6F}" type="pres">
      <dgm:prSet presAssocID="{D66E62EF-E697-4C39-A835-E616172FD864}" presName="vSp" presStyleCnt="0"/>
      <dgm:spPr/>
    </dgm:pt>
    <dgm:pt modelId="{A8D084EA-52BA-4CEC-BF59-D940AED212CF}" type="pres">
      <dgm:prSet presAssocID="{3B97CA54-2B41-422D-BC6D-90A7001BD9E9}" presName="rectComp" presStyleCnt="0"/>
      <dgm:spPr/>
    </dgm:pt>
    <dgm:pt modelId="{B289A9DE-E642-4F47-B37D-15B5BE35000B}" type="pres">
      <dgm:prSet presAssocID="{3B97CA54-2B41-422D-BC6D-90A7001BD9E9}" presName="bgRect" presStyleLbl="bgShp" presStyleIdx="4" presStyleCnt="5" custLinFactNeighborY="-2755"/>
      <dgm:spPr/>
      <dgm:t>
        <a:bodyPr/>
        <a:lstStyle/>
        <a:p>
          <a:endParaRPr lang="es-ES"/>
        </a:p>
      </dgm:t>
    </dgm:pt>
    <dgm:pt modelId="{25A89A5E-D4C9-4798-8C76-424E9805F4AC}" type="pres">
      <dgm:prSet presAssocID="{3B97CA54-2B41-422D-BC6D-90A7001BD9E9}" presName="bgRectTx" presStyleLbl="bgShp" presStyleIdx="4" presStyleCnt="5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</dgm:ptLst>
  <dgm:cxnLst>
    <dgm:cxn modelId="{B06AAF1E-C89E-49C7-BE71-E39C0C21C94F}" srcId="{8933F089-D5F9-4326-8AB0-1FB64E443873}" destId="{3C494DA8-FDD8-4F53-BF5F-FD9648E6C491}" srcOrd="0" destOrd="0" parTransId="{82B2C00F-123D-4E04-B3FB-2F0DAFFDC8C2}" sibTransId="{2D5AC21E-D375-465E-A8F2-E9A15823F569}"/>
    <dgm:cxn modelId="{7274D1FD-31C8-4D35-A8F6-0073723B22F2}" type="presOf" srcId="{A3ED2A45-C574-4E0A-9AF5-CF73AFC87DE6}" destId="{31A101B4-91C8-4CDF-800B-409560F2D053}" srcOrd="0" destOrd="0" presId="urn:microsoft.com/office/officeart/2005/8/layout/hierarchy6"/>
    <dgm:cxn modelId="{67364356-D495-4875-8480-678A8A453918}" type="presOf" srcId="{3762D6C2-6AA1-47BE-9CCA-1D6DF419334C}" destId="{5A91829B-3FF8-40C5-A382-3154E7794D11}" srcOrd="0" destOrd="0" presId="urn:microsoft.com/office/officeart/2005/8/layout/hierarchy6"/>
    <dgm:cxn modelId="{6A8DC161-80CA-409C-AE09-CA894A22A0CB}" srcId="{83C6F185-C275-49F8-9A4C-D191AA52E8E9}" destId="{8933F089-D5F9-4326-8AB0-1FB64E443873}" srcOrd="0" destOrd="0" parTransId="{71790162-BA63-41D0-940D-63D5CB26D758}" sibTransId="{6ED4BA0D-BB8E-483B-91A4-F07197198804}"/>
    <dgm:cxn modelId="{670B5B47-EB5F-4CB1-A5A2-AED0713E8D58}" srcId="{D06BC340-07FB-40E0-A41B-08D104249832}" destId="{70C5713C-BA22-4814-8033-F87F63D05B65}" srcOrd="0" destOrd="0" parTransId="{9D6EED52-1682-47FE-9513-BC28717CB880}" sibTransId="{457538D1-8508-42EC-BF1C-84EDF5DF4467}"/>
    <dgm:cxn modelId="{D223A61F-DC2D-4AC9-B578-CDD1C8406186}" type="presOf" srcId="{863E86BE-178D-4F0F-9D3E-50452451A2D0}" destId="{70944ACF-DBA4-4A94-93D6-60662634635F}" srcOrd="0" destOrd="0" presId="urn:microsoft.com/office/officeart/2005/8/layout/hierarchy6"/>
    <dgm:cxn modelId="{2718FBA5-2088-4EBC-AEE5-091A0AE7521E}" type="presOf" srcId="{7AADB0FD-67A3-4D7A-8DDF-2D7AFC2D103C}" destId="{F0B0C428-8F47-4E7B-A471-43CA253AB509}" srcOrd="0" destOrd="0" presId="urn:microsoft.com/office/officeart/2005/8/layout/hierarchy6"/>
    <dgm:cxn modelId="{0B9DDDAE-8FF7-46EA-9DA5-63E740412FCC}" type="presOf" srcId="{F02C1BA2-B4A3-464E-9418-625EA8A0F483}" destId="{0AE113A1-27AF-44F1-9FAC-4698A1BFF5B0}" srcOrd="0" destOrd="0" presId="urn:microsoft.com/office/officeart/2005/8/layout/hierarchy6"/>
    <dgm:cxn modelId="{86AAD67A-B52F-49EA-91B0-070857C296A5}" type="presOf" srcId="{6FB60D7C-0F11-4B44-8218-73C1B2434596}" destId="{AE3BDE76-FEB0-4923-89F3-9D9B4C614DCE}" srcOrd="0" destOrd="0" presId="urn:microsoft.com/office/officeart/2005/8/layout/hierarchy6"/>
    <dgm:cxn modelId="{212B2214-E053-4D4F-B944-FCC6EF4638D8}" type="presOf" srcId="{F3065C83-EC15-4494-9A68-518D593460F6}" destId="{84054F71-2F13-4EC9-B0A1-26E1F19B5583}" srcOrd="0" destOrd="0" presId="urn:microsoft.com/office/officeart/2005/8/layout/hierarchy6"/>
    <dgm:cxn modelId="{98C47204-25C6-4D68-AEF2-2F3FA54D8214}" type="presOf" srcId="{52D39F14-E53F-4A38-9333-2505990DD674}" destId="{593E071D-6A54-42DC-BD94-1DF1EE9097FA}" srcOrd="0" destOrd="0" presId="urn:microsoft.com/office/officeart/2005/8/layout/hierarchy6"/>
    <dgm:cxn modelId="{229685E8-11D3-4C7F-AC9F-4BFCB2299EDC}" srcId="{8933F089-D5F9-4326-8AB0-1FB64E443873}" destId="{52D39F14-E53F-4A38-9333-2505990DD674}" srcOrd="1" destOrd="0" parTransId="{447696A4-BBFA-4D66-8C7A-747F1E3F5A99}" sibTransId="{4584A0A0-E71E-485A-8CF9-E08C095B3B00}"/>
    <dgm:cxn modelId="{FF4B6D8D-D196-4E81-AFF0-B5F90537E15E}" type="presOf" srcId="{B88D519C-BE65-4C0C-98AA-DE0DFA976C17}" destId="{93DB987A-5721-47E1-975D-1984DF232DFF}" srcOrd="0" destOrd="0" presId="urn:microsoft.com/office/officeart/2005/8/layout/hierarchy6"/>
    <dgm:cxn modelId="{52142825-EA1F-4E89-B818-76239ECA0F3C}" type="presOf" srcId="{9D6EED52-1682-47FE-9513-BC28717CB880}" destId="{78DF75D0-E568-4632-8CF2-887E1EEF3383}" srcOrd="0" destOrd="0" presId="urn:microsoft.com/office/officeart/2005/8/layout/hierarchy6"/>
    <dgm:cxn modelId="{12D0F2C7-ED6B-4D11-911A-FEA3DD5ECE96}" type="presOf" srcId="{47848408-A998-45BE-89E5-DDDE2BA05D23}" destId="{E17EBC2E-ADDD-45A6-B649-E1370D0A4B7C}" srcOrd="0" destOrd="0" presId="urn:microsoft.com/office/officeart/2005/8/layout/hierarchy6"/>
    <dgm:cxn modelId="{F13466F2-88A4-429C-AA80-26CF5E76D24C}" srcId="{6FB60D7C-0F11-4B44-8218-73C1B2434596}" destId="{A3ED2A45-C574-4E0A-9AF5-CF73AFC87DE6}" srcOrd="0" destOrd="0" parTransId="{9E882283-9749-4A8C-8C90-AB39E33A738F}" sibTransId="{D5D08AB0-D223-440C-AAFF-809DBD2E489B}"/>
    <dgm:cxn modelId="{17501991-E1A0-4454-A17F-59107FEC486D}" type="presOf" srcId="{83C6F185-C275-49F8-9A4C-D191AA52E8E9}" destId="{636D1108-638C-4D11-9E5D-EADD64E4D865}" srcOrd="0" destOrd="0" presId="urn:microsoft.com/office/officeart/2005/8/layout/hierarchy6"/>
    <dgm:cxn modelId="{6BB61AA7-0291-425B-AC11-48914E452933}" srcId="{52D39F14-E53F-4A38-9333-2505990DD674}" destId="{6FB60D7C-0F11-4B44-8218-73C1B2434596}" srcOrd="2" destOrd="0" parTransId="{F02C1BA2-B4A3-464E-9418-625EA8A0F483}" sibTransId="{140DF50E-74A5-4C91-9C25-6092CB9F18E5}"/>
    <dgm:cxn modelId="{77E44DCE-8F55-451C-8F7E-E0E12006D99E}" type="presOf" srcId="{3B97CA54-2B41-422D-BC6D-90A7001BD9E9}" destId="{25A89A5E-D4C9-4798-8C76-424E9805F4AC}" srcOrd="1" destOrd="0" presId="urn:microsoft.com/office/officeart/2005/8/layout/hierarchy6"/>
    <dgm:cxn modelId="{D7C8EE2E-5641-4048-9E2B-25BA033EC7DC}" type="presOf" srcId="{8933F089-D5F9-4326-8AB0-1FB64E443873}" destId="{6F658E00-866F-4F71-9C30-9F2D6A35D2D2}" srcOrd="0" destOrd="0" presId="urn:microsoft.com/office/officeart/2005/8/layout/hierarchy6"/>
    <dgm:cxn modelId="{D7657DBB-81F2-4315-8892-65452C53E7AD}" type="presOf" srcId="{D66E62EF-E697-4C39-A835-E616172FD864}" destId="{8F216C19-378E-4FCC-84CE-7253711FC1F7}" srcOrd="0" destOrd="0" presId="urn:microsoft.com/office/officeart/2005/8/layout/hierarchy6"/>
    <dgm:cxn modelId="{FB35F702-585E-4124-BBAF-C734073EFF99}" srcId="{52D39F14-E53F-4A38-9333-2505990DD674}" destId="{32BB931A-6CEB-4340-8281-155714D37E31}" srcOrd="1" destOrd="0" parTransId="{8388938A-84E9-40AE-8028-BBB4451C2294}" sibTransId="{6FA03BEC-D8FC-4711-A101-63AE9A163897}"/>
    <dgm:cxn modelId="{F096D274-4BD3-4B13-AB0A-79AD458518D2}" type="presOf" srcId="{B107A72F-ACB2-41CD-B71A-A632C6C377E8}" destId="{80EEE1A7-72B9-42B5-A172-F2404671E23F}" srcOrd="0" destOrd="0" presId="urn:microsoft.com/office/officeart/2005/8/layout/hierarchy6"/>
    <dgm:cxn modelId="{01A8A102-A69D-4EDE-9556-86568FDBF7F8}" type="presOf" srcId="{D06BC340-07FB-40E0-A41B-08D104249832}" destId="{CB827199-93C8-4EE8-9711-430C471C91EE}" srcOrd="0" destOrd="0" presId="urn:microsoft.com/office/officeart/2005/8/layout/hierarchy6"/>
    <dgm:cxn modelId="{626BE4C9-F281-4842-B4A6-83FD7DD0DE3D}" srcId="{863E86BE-178D-4F0F-9D3E-50452451A2D0}" destId="{D06BC340-07FB-40E0-A41B-08D104249832}" srcOrd="0" destOrd="0" parTransId="{ADBECF62-D3F0-4965-8BBC-1D3E4A7938FB}" sibTransId="{732F2475-51CF-410D-8B88-24AFC9205740}"/>
    <dgm:cxn modelId="{DF14898B-A160-441D-A661-CFE603D9D1C5}" type="presOf" srcId="{8F327A68-8F15-48E1-9F58-E0C9554BEBF6}" destId="{785F2F98-171D-4621-9DC8-4A02A5231AE6}" srcOrd="0" destOrd="0" presId="urn:microsoft.com/office/officeart/2005/8/layout/hierarchy6"/>
    <dgm:cxn modelId="{AAA69829-DD3B-4241-BEE1-F7491533E364}" type="presOf" srcId="{B107A72F-ACB2-41CD-B71A-A632C6C377E8}" destId="{8AC284DA-6747-4F21-9406-94ABD37D9B70}" srcOrd="1" destOrd="0" presId="urn:microsoft.com/office/officeart/2005/8/layout/hierarchy6"/>
    <dgm:cxn modelId="{90566C12-D40F-4C4F-A992-543A5A0BCF0E}" type="presOf" srcId="{ADBECF62-D3F0-4965-8BBC-1D3E4A7938FB}" destId="{D232F225-E43A-4EB6-9176-904B9F316D01}" srcOrd="0" destOrd="0" presId="urn:microsoft.com/office/officeart/2005/8/layout/hierarchy6"/>
    <dgm:cxn modelId="{5A08887A-B498-43FC-BCF4-C3436905EE34}" type="presOf" srcId="{9E882283-9749-4A8C-8C90-AB39E33A738F}" destId="{ED483D2A-F6AC-41DB-A270-35894ADF141B}" srcOrd="0" destOrd="0" presId="urn:microsoft.com/office/officeart/2005/8/layout/hierarchy6"/>
    <dgm:cxn modelId="{915207A6-502C-4FC5-977D-0CB3FA4513CA}" srcId="{52D39F14-E53F-4A38-9333-2505990DD674}" destId="{863E86BE-178D-4F0F-9D3E-50452451A2D0}" srcOrd="0" destOrd="0" parTransId="{47848408-A998-45BE-89E5-DDDE2BA05D23}" sibTransId="{9DFA87B0-3A3D-4EBC-A1D1-4979F2CCACEB}"/>
    <dgm:cxn modelId="{6CC508D2-6532-40E3-961D-27A9DB1E48BC}" srcId="{83C6F185-C275-49F8-9A4C-D191AA52E8E9}" destId="{7AADB0FD-67A3-4D7A-8DDF-2D7AFC2D103C}" srcOrd="3" destOrd="0" parTransId="{14912D27-7615-41C3-9EE2-89F1759C9730}" sibTransId="{847AB3DB-8DBF-4950-8496-13CA4ADF994B}"/>
    <dgm:cxn modelId="{CD22DAF5-2A37-4C67-A20D-1C47D9F0B217}" type="presOf" srcId="{32BB931A-6CEB-4340-8281-155714D37E31}" destId="{19A87BFE-A3EE-4C2A-9E36-3BF90A0DC027}" srcOrd="0" destOrd="0" presId="urn:microsoft.com/office/officeart/2005/8/layout/hierarchy6"/>
    <dgm:cxn modelId="{A8AA1F2F-21DD-48E5-88E3-D5D30A66039F}" srcId="{83C6F185-C275-49F8-9A4C-D191AA52E8E9}" destId="{3762D6C2-6AA1-47BE-9CCA-1D6DF419334C}" srcOrd="1" destOrd="0" parTransId="{423EAE39-D2C2-4E8D-8E99-6D390B096E7D}" sibTransId="{36081EE8-706C-4601-BDED-0D7DC2F98F6D}"/>
    <dgm:cxn modelId="{940AC15D-5A16-4464-B226-915075BA8374}" srcId="{3C494DA8-FDD8-4F53-BF5F-FD9648E6C491}" destId="{7843F2DC-A465-45A2-ADF0-7E90668FA72A}" srcOrd="0" destOrd="0" parTransId="{F3065C83-EC15-4494-9A68-518D593460F6}" sibTransId="{E05CBC26-7F44-45F8-8C9A-03A8FBBFA7BA}"/>
    <dgm:cxn modelId="{B0534A46-8BB5-464F-9EF4-D0D2380490B2}" type="presOf" srcId="{447696A4-BBFA-4D66-8C7A-747F1E3F5A99}" destId="{537384F2-28F3-4E98-B3D3-87C08A27ADE6}" srcOrd="0" destOrd="0" presId="urn:microsoft.com/office/officeart/2005/8/layout/hierarchy6"/>
    <dgm:cxn modelId="{12AE928D-84C3-4560-BFBF-3C60DB92AA1E}" type="presOf" srcId="{3B97CA54-2B41-422D-BC6D-90A7001BD9E9}" destId="{B289A9DE-E642-4F47-B37D-15B5BE35000B}" srcOrd="0" destOrd="0" presId="urn:microsoft.com/office/officeart/2005/8/layout/hierarchy6"/>
    <dgm:cxn modelId="{A083A31F-3C32-4A4E-B7A8-FFC3A6255C21}" srcId="{83C6F185-C275-49F8-9A4C-D191AA52E8E9}" destId="{D66E62EF-E697-4C39-A835-E616172FD864}" srcOrd="4" destOrd="0" parTransId="{CA290BB4-E851-4CAA-8915-B13D7C33D69A}" sibTransId="{0FB52BA9-BEB4-45ED-AAB0-8A6B9E750E12}"/>
    <dgm:cxn modelId="{32AB9F45-8051-40AB-B53A-B931F8F1E2FC}" type="presOf" srcId="{8388938A-84E9-40AE-8028-BBB4451C2294}" destId="{2222B882-C5F5-4461-8A0A-F143651A3699}" srcOrd="0" destOrd="0" presId="urn:microsoft.com/office/officeart/2005/8/layout/hierarchy6"/>
    <dgm:cxn modelId="{48600F96-A8EF-43B6-8A81-99A5E9970613}" type="presOf" srcId="{3246BDA7-43E0-4DE3-B845-7702421C8349}" destId="{5834D663-F2CC-477A-8AAE-51D55168DEED}" srcOrd="0" destOrd="0" presId="urn:microsoft.com/office/officeart/2005/8/layout/hierarchy6"/>
    <dgm:cxn modelId="{BF8A6DEE-1465-4904-B394-3B5ADC1D0205}" type="presOf" srcId="{885CFD7A-E30C-4E52-A11D-1B502853CB82}" destId="{21734E9E-4C8E-4719-91BC-ADBD614B6AC4}" srcOrd="0" destOrd="0" presId="urn:microsoft.com/office/officeart/2005/8/layout/hierarchy6"/>
    <dgm:cxn modelId="{54EFE0A9-CF00-4660-906E-EB4345F7BB9E}" srcId="{83C6F185-C275-49F8-9A4C-D191AA52E8E9}" destId="{3B97CA54-2B41-422D-BC6D-90A7001BD9E9}" srcOrd="5" destOrd="0" parTransId="{17562832-1420-4B14-AF1E-2EB77DD3CF4D}" sibTransId="{4CFF3F90-47DA-4992-B7A5-8A5BB975578F}"/>
    <dgm:cxn modelId="{80F10778-CE08-4D32-B1E1-31ED73147B25}" type="presOf" srcId="{7AADB0FD-67A3-4D7A-8DDF-2D7AFC2D103C}" destId="{69B19550-80D0-4549-B968-8B4FF66DF53F}" srcOrd="1" destOrd="0" presId="urn:microsoft.com/office/officeart/2005/8/layout/hierarchy6"/>
    <dgm:cxn modelId="{ACF3928E-E033-4231-83D4-C159C0759148}" type="presOf" srcId="{D66E62EF-E697-4C39-A835-E616172FD864}" destId="{975D3C81-6D8C-462E-87F4-616E79D38A90}" srcOrd="1" destOrd="0" presId="urn:microsoft.com/office/officeart/2005/8/layout/hierarchy6"/>
    <dgm:cxn modelId="{F7791062-577D-4B0D-8B95-02EFD3F77085}" srcId="{83C6F185-C275-49F8-9A4C-D191AA52E8E9}" destId="{B107A72F-ACB2-41CD-B71A-A632C6C377E8}" srcOrd="2" destOrd="0" parTransId="{25925AAD-C947-4AEC-B865-9E1DE96FF3EB}" sibTransId="{67BEB0AD-9F48-40B9-A825-1884F7B30C96}"/>
    <dgm:cxn modelId="{4FA2CE61-8E15-4E1B-95B1-52C5D5A6D8D5}" type="presOf" srcId="{82B2C00F-123D-4E04-B3FB-2F0DAFFDC8C2}" destId="{247B89DB-FDB7-46DB-A7B2-66B8B3BAFAD8}" srcOrd="0" destOrd="0" presId="urn:microsoft.com/office/officeart/2005/8/layout/hierarchy6"/>
    <dgm:cxn modelId="{8130A0F4-93ED-431B-A10A-4CAE6D56E0EB}" srcId="{32BB931A-6CEB-4340-8281-155714D37E31}" destId="{885CFD7A-E30C-4E52-A11D-1B502853CB82}" srcOrd="0" destOrd="0" parTransId="{3246BDA7-43E0-4DE3-B845-7702421C8349}" sibTransId="{4D8D9477-01AA-457B-B668-6D182E9CBB8C}"/>
    <dgm:cxn modelId="{70A35EFA-D461-401F-B421-4FCFB88AF9DA}" type="presOf" srcId="{3762D6C2-6AA1-47BE-9CCA-1D6DF419334C}" destId="{EA303A04-A7A3-4FE2-9E0E-DFC3F4C58DFB}" srcOrd="1" destOrd="0" presId="urn:microsoft.com/office/officeart/2005/8/layout/hierarchy6"/>
    <dgm:cxn modelId="{42A889FF-7642-4BF8-9D40-B0DBB86CBE65}" type="presOf" srcId="{3C494DA8-FDD8-4F53-BF5F-FD9648E6C491}" destId="{0C6FC343-DECB-4414-9A2F-A25E5E961A92}" srcOrd="0" destOrd="0" presId="urn:microsoft.com/office/officeart/2005/8/layout/hierarchy6"/>
    <dgm:cxn modelId="{BB56D39D-29D4-4F8D-AD7C-EBBB8E5C4C49}" srcId="{885CFD7A-E30C-4E52-A11D-1B502853CB82}" destId="{8F327A68-8F15-48E1-9F58-E0C9554BEBF6}" srcOrd="0" destOrd="0" parTransId="{B88D519C-BE65-4C0C-98AA-DE0DFA976C17}" sibTransId="{E9D09BEA-1351-4BD4-B537-D25E6214195A}"/>
    <dgm:cxn modelId="{3CED746E-34FC-4EBB-BCD2-774E83792206}" type="presOf" srcId="{70C5713C-BA22-4814-8033-F87F63D05B65}" destId="{F1B7FAAC-3628-486C-B854-A4D0FFAAB3FF}" srcOrd="0" destOrd="0" presId="urn:microsoft.com/office/officeart/2005/8/layout/hierarchy6"/>
    <dgm:cxn modelId="{3AFB140E-7D16-4BB2-AFFF-A2B1A388FA0F}" type="presOf" srcId="{7843F2DC-A465-45A2-ADF0-7E90668FA72A}" destId="{BBC0020D-DCA6-47BB-953C-C3D36A1CCBB4}" srcOrd="0" destOrd="0" presId="urn:microsoft.com/office/officeart/2005/8/layout/hierarchy6"/>
    <dgm:cxn modelId="{E657926E-1C71-4828-908B-605F0106842C}" type="presParOf" srcId="{636D1108-638C-4D11-9E5D-EADD64E4D865}" destId="{FC349420-6A8B-4E85-AA99-B85D4A2734F8}" srcOrd="0" destOrd="0" presId="urn:microsoft.com/office/officeart/2005/8/layout/hierarchy6"/>
    <dgm:cxn modelId="{6C7647F3-AA44-432B-AE8E-C52C3D0D14FD}" type="presParOf" srcId="{FC349420-6A8B-4E85-AA99-B85D4A2734F8}" destId="{7EE59CD4-55AB-4BB2-B0EF-ABA74957646C}" srcOrd="0" destOrd="0" presId="urn:microsoft.com/office/officeart/2005/8/layout/hierarchy6"/>
    <dgm:cxn modelId="{34DB6EDA-67AA-4A66-957F-52BE66BA0DFE}" type="presParOf" srcId="{FC349420-6A8B-4E85-AA99-B85D4A2734F8}" destId="{B5E9A3A9-4A7C-47CD-9E86-418425C31FA0}" srcOrd="1" destOrd="0" presId="urn:microsoft.com/office/officeart/2005/8/layout/hierarchy6"/>
    <dgm:cxn modelId="{634670B3-E887-4626-AE4C-6DAD5218C2A0}" type="presParOf" srcId="{B5E9A3A9-4A7C-47CD-9E86-418425C31FA0}" destId="{4BFE530E-35E6-4362-92EE-85A8F0152F6A}" srcOrd="0" destOrd="0" presId="urn:microsoft.com/office/officeart/2005/8/layout/hierarchy6"/>
    <dgm:cxn modelId="{34EC7407-06BE-4445-946E-24EB9B2BA220}" type="presParOf" srcId="{4BFE530E-35E6-4362-92EE-85A8F0152F6A}" destId="{6F658E00-866F-4F71-9C30-9F2D6A35D2D2}" srcOrd="0" destOrd="0" presId="urn:microsoft.com/office/officeart/2005/8/layout/hierarchy6"/>
    <dgm:cxn modelId="{4FA4C100-313E-4E7F-A5AE-9D70DCCFF431}" type="presParOf" srcId="{4BFE530E-35E6-4362-92EE-85A8F0152F6A}" destId="{0190E915-6032-4405-9821-4F22EC2F4379}" srcOrd="1" destOrd="0" presId="urn:microsoft.com/office/officeart/2005/8/layout/hierarchy6"/>
    <dgm:cxn modelId="{3E3EBCF3-C40F-4A6E-8250-8969761FA504}" type="presParOf" srcId="{0190E915-6032-4405-9821-4F22EC2F4379}" destId="{247B89DB-FDB7-46DB-A7B2-66B8B3BAFAD8}" srcOrd="0" destOrd="0" presId="urn:microsoft.com/office/officeart/2005/8/layout/hierarchy6"/>
    <dgm:cxn modelId="{D25242F8-B9A4-4AAE-A125-05061AEA8A1D}" type="presParOf" srcId="{0190E915-6032-4405-9821-4F22EC2F4379}" destId="{736E1377-B99A-40B6-ACF2-1680620928D8}" srcOrd="1" destOrd="0" presId="urn:microsoft.com/office/officeart/2005/8/layout/hierarchy6"/>
    <dgm:cxn modelId="{95845F71-5DD8-41F3-95E6-F77DF08E9374}" type="presParOf" srcId="{736E1377-B99A-40B6-ACF2-1680620928D8}" destId="{0C6FC343-DECB-4414-9A2F-A25E5E961A92}" srcOrd="0" destOrd="0" presId="urn:microsoft.com/office/officeart/2005/8/layout/hierarchy6"/>
    <dgm:cxn modelId="{6EF4868F-9A98-4B49-AB71-5735950D0089}" type="presParOf" srcId="{736E1377-B99A-40B6-ACF2-1680620928D8}" destId="{806B62C8-0ADE-4004-87A5-4024EC421F16}" srcOrd="1" destOrd="0" presId="urn:microsoft.com/office/officeart/2005/8/layout/hierarchy6"/>
    <dgm:cxn modelId="{3A210284-E1F5-47A8-A781-4F4B6B3C16F6}" type="presParOf" srcId="{806B62C8-0ADE-4004-87A5-4024EC421F16}" destId="{84054F71-2F13-4EC9-B0A1-26E1F19B5583}" srcOrd="0" destOrd="0" presId="urn:microsoft.com/office/officeart/2005/8/layout/hierarchy6"/>
    <dgm:cxn modelId="{78C1BA7E-8A5B-4166-9F01-B08F97756BCA}" type="presParOf" srcId="{806B62C8-0ADE-4004-87A5-4024EC421F16}" destId="{8D2393E0-EA32-44E7-AA77-6F668C44ABC4}" srcOrd="1" destOrd="0" presId="urn:microsoft.com/office/officeart/2005/8/layout/hierarchy6"/>
    <dgm:cxn modelId="{62F5E4AC-6C87-4B93-A9AD-0036547DBE25}" type="presParOf" srcId="{8D2393E0-EA32-44E7-AA77-6F668C44ABC4}" destId="{BBC0020D-DCA6-47BB-953C-C3D36A1CCBB4}" srcOrd="0" destOrd="0" presId="urn:microsoft.com/office/officeart/2005/8/layout/hierarchy6"/>
    <dgm:cxn modelId="{47DB58DA-7B4B-45DF-887E-E9519FD60C91}" type="presParOf" srcId="{8D2393E0-EA32-44E7-AA77-6F668C44ABC4}" destId="{97C10048-9530-4EC3-9CA6-8053D5C599F0}" srcOrd="1" destOrd="0" presId="urn:microsoft.com/office/officeart/2005/8/layout/hierarchy6"/>
    <dgm:cxn modelId="{A5AEA458-D966-442E-BE49-89072B733A87}" type="presParOf" srcId="{0190E915-6032-4405-9821-4F22EC2F4379}" destId="{537384F2-28F3-4E98-B3D3-87C08A27ADE6}" srcOrd="2" destOrd="0" presId="urn:microsoft.com/office/officeart/2005/8/layout/hierarchy6"/>
    <dgm:cxn modelId="{CF1EC8FA-2435-483D-91A8-07D9A65EEE05}" type="presParOf" srcId="{0190E915-6032-4405-9821-4F22EC2F4379}" destId="{57BA91DE-58C9-4432-8AC1-290602EF7F15}" srcOrd="3" destOrd="0" presId="urn:microsoft.com/office/officeart/2005/8/layout/hierarchy6"/>
    <dgm:cxn modelId="{E4D0E39B-5FC3-4813-ADB2-D257A82D792B}" type="presParOf" srcId="{57BA91DE-58C9-4432-8AC1-290602EF7F15}" destId="{593E071D-6A54-42DC-BD94-1DF1EE9097FA}" srcOrd="0" destOrd="0" presId="urn:microsoft.com/office/officeart/2005/8/layout/hierarchy6"/>
    <dgm:cxn modelId="{8189907C-EB1A-4AD6-A93F-DBEC5CC0CD95}" type="presParOf" srcId="{57BA91DE-58C9-4432-8AC1-290602EF7F15}" destId="{00C3C701-C885-448B-8459-3D20E91C5364}" srcOrd="1" destOrd="0" presId="urn:microsoft.com/office/officeart/2005/8/layout/hierarchy6"/>
    <dgm:cxn modelId="{CF5E4FCA-E778-4E34-9964-589D68B3C1DE}" type="presParOf" srcId="{00C3C701-C885-448B-8459-3D20E91C5364}" destId="{E17EBC2E-ADDD-45A6-B649-E1370D0A4B7C}" srcOrd="0" destOrd="0" presId="urn:microsoft.com/office/officeart/2005/8/layout/hierarchy6"/>
    <dgm:cxn modelId="{12E6F81A-E0C5-44BB-8A8A-4F3CD7BE1F67}" type="presParOf" srcId="{00C3C701-C885-448B-8459-3D20E91C5364}" destId="{E07E9AD8-E9F0-4280-BB4E-3CE462DF4599}" srcOrd="1" destOrd="0" presId="urn:microsoft.com/office/officeart/2005/8/layout/hierarchy6"/>
    <dgm:cxn modelId="{75DE89B5-7823-4B01-A59A-56FE565FA2F7}" type="presParOf" srcId="{E07E9AD8-E9F0-4280-BB4E-3CE462DF4599}" destId="{70944ACF-DBA4-4A94-93D6-60662634635F}" srcOrd="0" destOrd="0" presId="urn:microsoft.com/office/officeart/2005/8/layout/hierarchy6"/>
    <dgm:cxn modelId="{1D2AB0FC-5B5E-43CC-97E1-22FCD2671952}" type="presParOf" srcId="{E07E9AD8-E9F0-4280-BB4E-3CE462DF4599}" destId="{B0037FD2-B95C-41A2-8A56-17DEDBA8E48D}" srcOrd="1" destOrd="0" presId="urn:microsoft.com/office/officeart/2005/8/layout/hierarchy6"/>
    <dgm:cxn modelId="{A9B49929-42BF-4F2E-9B80-27C0D85ECC49}" type="presParOf" srcId="{B0037FD2-B95C-41A2-8A56-17DEDBA8E48D}" destId="{D232F225-E43A-4EB6-9176-904B9F316D01}" srcOrd="0" destOrd="0" presId="urn:microsoft.com/office/officeart/2005/8/layout/hierarchy6"/>
    <dgm:cxn modelId="{C985FCF2-963B-45A1-87F1-71E3B28947F6}" type="presParOf" srcId="{B0037FD2-B95C-41A2-8A56-17DEDBA8E48D}" destId="{6CFF4C31-F44E-48F2-A652-5DFABB5092AA}" srcOrd="1" destOrd="0" presId="urn:microsoft.com/office/officeart/2005/8/layout/hierarchy6"/>
    <dgm:cxn modelId="{5FC91457-202D-40E8-84F9-F655D8CE15E5}" type="presParOf" srcId="{6CFF4C31-F44E-48F2-A652-5DFABB5092AA}" destId="{CB827199-93C8-4EE8-9711-430C471C91EE}" srcOrd="0" destOrd="0" presId="urn:microsoft.com/office/officeart/2005/8/layout/hierarchy6"/>
    <dgm:cxn modelId="{825433B3-386D-4343-B43E-A470C6A5D1F6}" type="presParOf" srcId="{6CFF4C31-F44E-48F2-A652-5DFABB5092AA}" destId="{05469A83-337D-4D42-848D-27C93FED3B69}" srcOrd="1" destOrd="0" presId="urn:microsoft.com/office/officeart/2005/8/layout/hierarchy6"/>
    <dgm:cxn modelId="{EEF4125B-5EB0-4A74-B502-72365EFEAB3D}" type="presParOf" srcId="{05469A83-337D-4D42-848D-27C93FED3B69}" destId="{78DF75D0-E568-4632-8CF2-887E1EEF3383}" srcOrd="0" destOrd="0" presId="urn:microsoft.com/office/officeart/2005/8/layout/hierarchy6"/>
    <dgm:cxn modelId="{94762AEF-DD50-43B0-B2F3-B8E30A3C1624}" type="presParOf" srcId="{05469A83-337D-4D42-848D-27C93FED3B69}" destId="{913DA00C-329F-4CDC-A24C-1ABA6C7AAC9C}" srcOrd="1" destOrd="0" presId="urn:microsoft.com/office/officeart/2005/8/layout/hierarchy6"/>
    <dgm:cxn modelId="{7E2EE55A-DEDC-4830-AED7-23DB240F0B2F}" type="presParOf" srcId="{913DA00C-329F-4CDC-A24C-1ABA6C7AAC9C}" destId="{F1B7FAAC-3628-486C-B854-A4D0FFAAB3FF}" srcOrd="0" destOrd="0" presId="urn:microsoft.com/office/officeart/2005/8/layout/hierarchy6"/>
    <dgm:cxn modelId="{1EAC4064-F62E-4A93-BA62-3A7CE705816C}" type="presParOf" srcId="{913DA00C-329F-4CDC-A24C-1ABA6C7AAC9C}" destId="{8BECF9CD-C60E-4015-93C3-45B545075D90}" srcOrd="1" destOrd="0" presId="urn:microsoft.com/office/officeart/2005/8/layout/hierarchy6"/>
    <dgm:cxn modelId="{E7DC9F70-FA3D-44BB-888A-F64F7008DF3A}" type="presParOf" srcId="{00C3C701-C885-448B-8459-3D20E91C5364}" destId="{2222B882-C5F5-4461-8A0A-F143651A3699}" srcOrd="2" destOrd="0" presId="urn:microsoft.com/office/officeart/2005/8/layout/hierarchy6"/>
    <dgm:cxn modelId="{603B0405-2914-450E-88F0-5E436EBB7EA7}" type="presParOf" srcId="{00C3C701-C885-448B-8459-3D20E91C5364}" destId="{57EAF8F0-0863-4109-B966-5F399106C15C}" srcOrd="3" destOrd="0" presId="urn:microsoft.com/office/officeart/2005/8/layout/hierarchy6"/>
    <dgm:cxn modelId="{19B716FF-D519-4C55-81BF-E7F59B9EE5CD}" type="presParOf" srcId="{57EAF8F0-0863-4109-B966-5F399106C15C}" destId="{19A87BFE-A3EE-4C2A-9E36-3BF90A0DC027}" srcOrd="0" destOrd="0" presId="urn:microsoft.com/office/officeart/2005/8/layout/hierarchy6"/>
    <dgm:cxn modelId="{DD24BCE1-F07A-4CC2-B708-247B26911944}" type="presParOf" srcId="{57EAF8F0-0863-4109-B966-5F399106C15C}" destId="{776D6C46-E273-407A-B2B3-DED567E5B778}" srcOrd="1" destOrd="0" presId="urn:microsoft.com/office/officeart/2005/8/layout/hierarchy6"/>
    <dgm:cxn modelId="{D8CB2260-9E3D-426F-A97A-49B34A94DE4F}" type="presParOf" srcId="{776D6C46-E273-407A-B2B3-DED567E5B778}" destId="{5834D663-F2CC-477A-8AAE-51D55168DEED}" srcOrd="0" destOrd="0" presId="urn:microsoft.com/office/officeart/2005/8/layout/hierarchy6"/>
    <dgm:cxn modelId="{8C7C05F7-646D-480F-8BC0-637555288501}" type="presParOf" srcId="{776D6C46-E273-407A-B2B3-DED567E5B778}" destId="{5F9F23C6-F631-4EF4-80FA-1859CC8F75EB}" srcOrd="1" destOrd="0" presId="urn:microsoft.com/office/officeart/2005/8/layout/hierarchy6"/>
    <dgm:cxn modelId="{10826D4F-B080-47E5-9FD7-F0AD23D4B25E}" type="presParOf" srcId="{5F9F23C6-F631-4EF4-80FA-1859CC8F75EB}" destId="{21734E9E-4C8E-4719-91BC-ADBD614B6AC4}" srcOrd="0" destOrd="0" presId="urn:microsoft.com/office/officeart/2005/8/layout/hierarchy6"/>
    <dgm:cxn modelId="{AE5BC18B-E6FE-44A7-AC9D-53AC6C833445}" type="presParOf" srcId="{5F9F23C6-F631-4EF4-80FA-1859CC8F75EB}" destId="{9DF2829B-5609-4C6D-B402-0677D7A14199}" srcOrd="1" destOrd="0" presId="urn:microsoft.com/office/officeart/2005/8/layout/hierarchy6"/>
    <dgm:cxn modelId="{30E770D3-8CF1-4C94-B9FC-C5F4E035D585}" type="presParOf" srcId="{9DF2829B-5609-4C6D-B402-0677D7A14199}" destId="{93DB987A-5721-47E1-975D-1984DF232DFF}" srcOrd="0" destOrd="0" presId="urn:microsoft.com/office/officeart/2005/8/layout/hierarchy6"/>
    <dgm:cxn modelId="{80A1CECD-EB40-4874-8DCB-270A4EDB9FDF}" type="presParOf" srcId="{9DF2829B-5609-4C6D-B402-0677D7A14199}" destId="{3123F923-D077-45C7-9D36-8CA7CFDE7E6E}" srcOrd="1" destOrd="0" presId="urn:microsoft.com/office/officeart/2005/8/layout/hierarchy6"/>
    <dgm:cxn modelId="{0DD8B511-014E-4900-B85E-190441EA4FF9}" type="presParOf" srcId="{3123F923-D077-45C7-9D36-8CA7CFDE7E6E}" destId="{785F2F98-171D-4621-9DC8-4A02A5231AE6}" srcOrd="0" destOrd="0" presId="urn:microsoft.com/office/officeart/2005/8/layout/hierarchy6"/>
    <dgm:cxn modelId="{0928CB0B-3FC1-4A8B-80BB-130D36F8B060}" type="presParOf" srcId="{3123F923-D077-45C7-9D36-8CA7CFDE7E6E}" destId="{C1BE6709-5D7C-4023-8AE1-CFA1494D0B75}" srcOrd="1" destOrd="0" presId="urn:microsoft.com/office/officeart/2005/8/layout/hierarchy6"/>
    <dgm:cxn modelId="{D51843E3-2EE1-44E5-9482-FF944258EC48}" type="presParOf" srcId="{00C3C701-C885-448B-8459-3D20E91C5364}" destId="{0AE113A1-27AF-44F1-9FAC-4698A1BFF5B0}" srcOrd="4" destOrd="0" presId="urn:microsoft.com/office/officeart/2005/8/layout/hierarchy6"/>
    <dgm:cxn modelId="{A1CFB1EB-4926-45C7-BC06-77A904C69282}" type="presParOf" srcId="{00C3C701-C885-448B-8459-3D20E91C5364}" destId="{0705C6F2-EF0D-478C-80DA-1C3571126AA8}" srcOrd="5" destOrd="0" presId="urn:microsoft.com/office/officeart/2005/8/layout/hierarchy6"/>
    <dgm:cxn modelId="{07DE05D7-C4B8-4090-BD9B-336CCF925306}" type="presParOf" srcId="{0705C6F2-EF0D-478C-80DA-1C3571126AA8}" destId="{AE3BDE76-FEB0-4923-89F3-9D9B4C614DCE}" srcOrd="0" destOrd="0" presId="urn:microsoft.com/office/officeart/2005/8/layout/hierarchy6"/>
    <dgm:cxn modelId="{A19D80E7-5815-4399-BFD5-D59DC50420CD}" type="presParOf" srcId="{0705C6F2-EF0D-478C-80DA-1C3571126AA8}" destId="{24BE3B25-15D7-49D7-991F-4C9E1F2CBF81}" srcOrd="1" destOrd="0" presId="urn:microsoft.com/office/officeart/2005/8/layout/hierarchy6"/>
    <dgm:cxn modelId="{C23CD594-7F16-40B8-9F2E-18B7676C7709}" type="presParOf" srcId="{24BE3B25-15D7-49D7-991F-4C9E1F2CBF81}" destId="{ED483D2A-F6AC-41DB-A270-35894ADF141B}" srcOrd="0" destOrd="0" presId="urn:microsoft.com/office/officeart/2005/8/layout/hierarchy6"/>
    <dgm:cxn modelId="{EC97637F-60FA-4F06-B70D-93E0BB897E0A}" type="presParOf" srcId="{24BE3B25-15D7-49D7-991F-4C9E1F2CBF81}" destId="{1897FF26-54F3-4233-9395-817D97B83C08}" srcOrd="1" destOrd="0" presId="urn:microsoft.com/office/officeart/2005/8/layout/hierarchy6"/>
    <dgm:cxn modelId="{63EE9513-2FC3-427B-9E82-199DDAEBAAAC}" type="presParOf" srcId="{1897FF26-54F3-4233-9395-817D97B83C08}" destId="{31A101B4-91C8-4CDF-800B-409560F2D053}" srcOrd="0" destOrd="0" presId="urn:microsoft.com/office/officeart/2005/8/layout/hierarchy6"/>
    <dgm:cxn modelId="{77E26CF9-68D9-4036-AEF6-4DD580B405F4}" type="presParOf" srcId="{1897FF26-54F3-4233-9395-817D97B83C08}" destId="{D073165E-0E08-4DEB-9B04-78924AD01E43}" srcOrd="1" destOrd="0" presId="urn:microsoft.com/office/officeart/2005/8/layout/hierarchy6"/>
    <dgm:cxn modelId="{359955C8-1F21-4A36-A8AF-7EC39214F5E7}" type="presParOf" srcId="{636D1108-638C-4D11-9E5D-EADD64E4D865}" destId="{171C1F1A-C22E-4D27-BF7F-CDCC58C465BA}" srcOrd="1" destOrd="0" presId="urn:microsoft.com/office/officeart/2005/8/layout/hierarchy6"/>
    <dgm:cxn modelId="{13B4B677-54B3-4A12-BC4A-13B59089EBF7}" type="presParOf" srcId="{171C1F1A-C22E-4D27-BF7F-CDCC58C465BA}" destId="{0EE7F655-FC13-4469-96F9-A1B4C6C6E582}" srcOrd="0" destOrd="0" presId="urn:microsoft.com/office/officeart/2005/8/layout/hierarchy6"/>
    <dgm:cxn modelId="{B9089F41-0EAA-4C44-8EE3-0780CCDBDFCB}" type="presParOf" srcId="{0EE7F655-FC13-4469-96F9-A1B4C6C6E582}" destId="{5A91829B-3FF8-40C5-A382-3154E7794D11}" srcOrd="0" destOrd="0" presId="urn:microsoft.com/office/officeart/2005/8/layout/hierarchy6"/>
    <dgm:cxn modelId="{B7F62023-CAB9-40E3-9F4E-D8B5DC2B547C}" type="presParOf" srcId="{0EE7F655-FC13-4469-96F9-A1B4C6C6E582}" destId="{EA303A04-A7A3-4FE2-9E0E-DFC3F4C58DFB}" srcOrd="1" destOrd="0" presId="urn:microsoft.com/office/officeart/2005/8/layout/hierarchy6"/>
    <dgm:cxn modelId="{269AEC79-6B4E-49B5-9790-F31BCFB318E7}" type="presParOf" srcId="{171C1F1A-C22E-4D27-BF7F-CDCC58C465BA}" destId="{39311090-E665-4CA7-A957-8C24E52E7AA6}" srcOrd="1" destOrd="0" presId="urn:microsoft.com/office/officeart/2005/8/layout/hierarchy6"/>
    <dgm:cxn modelId="{BD312C88-08DB-4BB0-A58D-535E4C1FCDFD}" type="presParOf" srcId="{39311090-E665-4CA7-A957-8C24E52E7AA6}" destId="{1C4852BA-44C7-4057-AFC7-F09AC1098E62}" srcOrd="0" destOrd="0" presId="urn:microsoft.com/office/officeart/2005/8/layout/hierarchy6"/>
    <dgm:cxn modelId="{3E6BE6AF-25A9-4B7C-B075-0EB604270E0C}" type="presParOf" srcId="{171C1F1A-C22E-4D27-BF7F-CDCC58C465BA}" destId="{755F5308-AD9A-40BA-BD6C-EA56B1A7F633}" srcOrd="2" destOrd="0" presId="urn:microsoft.com/office/officeart/2005/8/layout/hierarchy6"/>
    <dgm:cxn modelId="{21DE30BF-5DF7-4296-82B8-34AEF1BD6919}" type="presParOf" srcId="{755F5308-AD9A-40BA-BD6C-EA56B1A7F633}" destId="{80EEE1A7-72B9-42B5-A172-F2404671E23F}" srcOrd="0" destOrd="0" presId="urn:microsoft.com/office/officeart/2005/8/layout/hierarchy6"/>
    <dgm:cxn modelId="{61AAE21D-2C16-470C-BD45-05C99923AE51}" type="presParOf" srcId="{755F5308-AD9A-40BA-BD6C-EA56B1A7F633}" destId="{8AC284DA-6747-4F21-9406-94ABD37D9B70}" srcOrd="1" destOrd="0" presId="urn:microsoft.com/office/officeart/2005/8/layout/hierarchy6"/>
    <dgm:cxn modelId="{D6EDD8B9-7931-4234-8B46-FDD66D9BC534}" type="presParOf" srcId="{171C1F1A-C22E-4D27-BF7F-CDCC58C465BA}" destId="{17869782-0D52-471B-9376-12A0F4320ADD}" srcOrd="3" destOrd="0" presId="urn:microsoft.com/office/officeart/2005/8/layout/hierarchy6"/>
    <dgm:cxn modelId="{9A404066-994B-40FD-94B2-BD19439E1D54}" type="presParOf" srcId="{17869782-0D52-471B-9376-12A0F4320ADD}" destId="{2F147D43-5BCE-417D-8542-018325FDC5D0}" srcOrd="0" destOrd="0" presId="urn:microsoft.com/office/officeart/2005/8/layout/hierarchy6"/>
    <dgm:cxn modelId="{17650C45-8279-4371-96E6-47769553542B}" type="presParOf" srcId="{171C1F1A-C22E-4D27-BF7F-CDCC58C465BA}" destId="{513037BB-1519-403E-B560-2BA741227F71}" srcOrd="4" destOrd="0" presId="urn:microsoft.com/office/officeart/2005/8/layout/hierarchy6"/>
    <dgm:cxn modelId="{230102CC-9F90-4673-BC22-5D974C420DDB}" type="presParOf" srcId="{513037BB-1519-403E-B560-2BA741227F71}" destId="{F0B0C428-8F47-4E7B-A471-43CA253AB509}" srcOrd="0" destOrd="0" presId="urn:microsoft.com/office/officeart/2005/8/layout/hierarchy6"/>
    <dgm:cxn modelId="{06A03DAD-E53D-4CD0-93B0-5E81FF4404DA}" type="presParOf" srcId="{513037BB-1519-403E-B560-2BA741227F71}" destId="{69B19550-80D0-4549-B968-8B4FF66DF53F}" srcOrd="1" destOrd="0" presId="urn:microsoft.com/office/officeart/2005/8/layout/hierarchy6"/>
    <dgm:cxn modelId="{BC251898-B0F5-489C-9787-B2C76E25F6E3}" type="presParOf" srcId="{171C1F1A-C22E-4D27-BF7F-CDCC58C465BA}" destId="{B7818D82-A22F-42F2-A36D-0239EE2FEC21}" srcOrd="5" destOrd="0" presId="urn:microsoft.com/office/officeart/2005/8/layout/hierarchy6"/>
    <dgm:cxn modelId="{785FD8E4-479C-4BC9-8331-E50F32829B88}" type="presParOf" srcId="{B7818D82-A22F-42F2-A36D-0239EE2FEC21}" destId="{E3F44A99-61BF-4771-9444-57838FC4491C}" srcOrd="0" destOrd="0" presId="urn:microsoft.com/office/officeart/2005/8/layout/hierarchy6"/>
    <dgm:cxn modelId="{B7BC2648-3310-4BBB-9323-2DA8998ADD90}" type="presParOf" srcId="{171C1F1A-C22E-4D27-BF7F-CDCC58C465BA}" destId="{4AA20FFD-0447-4494-89E0-F8A40CB85478}" srcOrd="6" destOrd="0" presId="urn:microsoft.com/office/officeart/2005/8/layout/hierarchy6"/>
    <dgm:cxn modelId="{1BFF3D0D-FE45-4781-886B-9A34AAD8D1CE}" type="presParOf" srcId="{4AA20FFD-0447-4494-89E0-F8A40CB85478}" destId="{8F216C19-378E-4FCC-84CE-7253711FC1F7}" srcOrd="0" destOrd="0" presId="urn:microsoft.com/office/officeart/2005/8/layout/hierarchy6"/>
    <dgm:cxn modelId="{5B40263D-9D2B-46F0-8E50-441EE9392FED}" type="presParOf" srcId="{4AA20FFD-0447-4494-89E0-F8A40CB85478}" destId="{975D3C81-6D8C-462E-87F4-616E79D38A90}" srcOrd="1" destOrd="0" presId="urn:microsoft.com/office/officeart/2005/8/layout/hierarchy6"/>
    <dgm:cxn modelId="{A29C4209-5384-4A80-87E6-4FCACEDCE75A}" type="presParOf" srcId="{171C1F1A-C22E-4D27-BF7F-CDCC58C465BA}" destId="{96484BA9-C475-49D1-B890-85E3B0E71CBB}" srcOrd="7" destOrd="0" presId="urn:microsoft.com/office/officeart/2005/8/layout/hierarchy6"/>
    <dgm:cxn modelId="{0D0537EC-385A-47F7-8BA1-28DD316493E3}" type="presParOf" srcId="{96484BA9-C475-49D1-B890-85E3B0E71CBB}" destId="{0136700F-BE9C-4AC8-8327-776E2D20CB6F}" srcOrd="0" destOrd="0" presId="urn:microsoft.com/office/officeart/2005/8/layout/hierarchy6"/>
    <dgm:cxn modelId="{FDE8D9DD-F217-4633-8A7D-FAB62DECFDF3}" type="presParOf" srcId="{171C1F1A-C22E-4D27-BF7F-CDCC58C465BA}" destId="{A8D084EA-52BA-4CEC-BF59-D940AED212CF}" srcOrd="8" destOrd="0" presId="urn:microsoft.com/office/officeart/2005/8/layout/hierarchy6"/>
    <dgm:cxn modelId="{CAC37346-63BC-4B0E-8FC4-CBD7BD1E7D61}" type="presParOf" srcId="{A8D084EA-52BA-4CEC-BF59-D940AED212CF}" destId="{B289A9DE-E642-4F47-B37D-15B5BE35000B}" srcOrd="0" destOrd="0" presId="urn:microsoft.com/office/officeart/2005/8/layout/hierarchy6"/>
    <dgm:cxn modelId="{95594BB6-0231-437D-8907-206EE720D3B3}" type="presParOf" srcId="{A8D084EA-52BA-4CEC-BF59-D940AED212CF}" destId="{25A89A5E-D4C9-4798-8C76-424E9805F4AC}" srcOrd="1" destOrd="0" presId="urn:microsoft.com/office/officeart/2005/8/layout/hierarchy6"/>
  </dgm:cxnLst>
  <dgm:bg/>
  <dgm:whole/>
  <dgm:extLst>
    <a:ext uri="http://schemas.microsoft.com/office/drawing/2008/diagram">
      <dsp:dataModelExt xmlns:dsp="http://schemas.microsoft.com/office/drawing/2008/diagram" relId="rId9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F9F8722-2CD2-4F83-90BE-B98C779E3A06}">
      <dsp:nvSpPr>
        <dsp:cNvPr id="0" name=""/>
        <dsp:cNvSpPr/>
      </dsp:nvSpPr>
      <dsp:spPr>
        <a:xfrm rot="21300000">
          <a:off x="24748" y="1573057"/>
          <a:ext cx="8015398" cy="917884"/>
        </a:xfrm>
        <a:prstGeom prst="mathMinus">
          <a:avLst/>
        </a:prstGeom>
        <a:solidFill>
          <a:schemeClr val="accent5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z="190500"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1">
          <a:scrgbClr r="0" g="0" b="0"/>
        </a:fillRef>
        <a:effectRef idx="3">
          <a:scrgbClr r="0" g="0" b="0"/>
        </a:effectRef>
        <a:fontRef idx="minor">
          <a:schemeClr val="lt1"/>
        </a:fontRef>
      </dsp:style>
    </dsp:sp>
    <dsp:sp modelId="{4A9805E4-5293-4EB1-9DF6-FCE52B59B29B}">
      <dsp:nvSpPr>
        <dsp:cNvPr id="0" name=""/>
        <dsp:cNvSpPr/>
      </dsp:nvSpPr>
      <dsp:spPr>
        <a:xfrm>
          <a:off x="967787" y="203200"/>
          <a:ext cx="2419468" cy="1625600"/>
        </a:xfrm>
        <a:prstGeom prst="downArrow">
          <a:avLst/>
        </a:prstGeom>
        <a:solidFill>
          <a:schemeClr val="accent3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</dsp:sp>
    <dsp:sp modelId="{F062ED68-13B3-42CB-A572-3BD00B73CB82}">
      <dsp:nvSpPr>
        <dsp:cNvPr id="0" name=""/>
        <dsp:cNvSpPr/>
      </dsp:nvSpPr>
      <dsp:spPr>
        <a:xfrm>
          <a:off x="3456382" y="0"/>
          <a:ext cx="4216792" cy="1706880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13792" tIns="113792" rIns="113792" bIns="113792" numCol="1" spcCol="1270" anchor="ctr" anchorCtr="0">
          <a:noAutofit/>
        </a:bodyPr>
        <a:lstStyle/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600" b="1" u="sng" kern="1200" dirty="0" smtClean="0"/>
            <a:t>Repercute en una mejora para el paciente</a:t>
          </a:r>
          <a:r>
            <a:rPr lang="es-ES_tradnl" sz="1600" kern="1200" dirty="0" smtClean="0"/>
            <a:t>:</a:t>
          </a:r>
          <a:endParaRPr lang="es-ES" sz="1600" kern="1200" dirty="0" smtClean="0"/>
        </a:p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600" kern="1200" dirty="0" smtClean="0"/>
            <a:t>· + Disponibilidad y + calidad de los medios</a:t>
          </a:r>
          <a:endParaRPr lang="es-ES" sz="1600" kern="1200" dirty="0" smtClean="0"/>
        </a:p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600" kern="1200" dirty="0" smtClean="0"/>
            <a:t>· Mejor trato y asistencia recibida por los pacientes y usuarios</a:t>
          </a:r>
          <a:endParaRPr lang="es-ES" sz="1600" kern="1200" dirty="0"/>
        </a:p>
      </dsp:txBody>
      <dsp:txXfrm>
        <a:off x="3456382" y="0"/>
        <a:ext cx="4216792" cy="1706880"/>
      </dsp:txXfrm>
    </dsp:sp>
    <dsp:sp modelId="{A2364E12-6023-41C6-9585-4FEBA24FE434}">
      <dsp:nvSpPr>
        <dsp:cNvPr id="0" name=""/>
        <dsp:cNvSpPr/>
      </dsp:nvSpPr>
      <dsp:spPr>
        <a:xfrm>
          <a:off x="4677639" y="2235200"/>
          <a:ext cx="2419468" cy="1625600"/>
        </a:xfrm>
        <a:prstGeom prst="upArrow">
          <a:avLst/>
        </a:prstGeom>
        <a:gradFill rotWithShape="0">
          <a:gsLst>
            <a:gs pos="0">
              <a:schemeClr val="accent5">
                <a:hueOff val="-9933876"/>
                <a:satOff val="39811"/>
                <a:lumOff val="8628"/>
                <a:alphaOff val="0"/>
                <a:shade val="51000"/>
                <a:satMod val="130000"/>
              </a:schemeClr>
            </a:gs>
            <a:gs pos="80000">
              <a:schemeClr val="accent5">
                <a:hueOff val="-9933876"/>
                <a:satOff val="39811"/>
                <a:lumOff val="8628"/>
                <a:alphaOff val="0"/>
                <a:shade val="93000"/>
                <a:satMod val="130000"/>
              </a:schemeClr>
            </a:gs>
            <a:gs pos="100000">
              <a:schemeClr val="accent5">
                <a:hueOff val="-9933876"/>
                <a:satOff val="39811"/>
                <a:lumOff val="8628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</dsp:sp>
    <dsp:sp modelId="{819C4160-66B7-4D2E-8693-5EE87360DCC5}">
      <dsp:nvSpPr>
        <dsp:cNvPr id="0" name=""/>
        <dsp:cNvSpPr/>
      </dsp:nvSpPr>
      <dsp:spPr>
        <a:xfrm>
          <a:off x="607744" y="2357120"/>
          <a:ext cx="3784746" cy="1706880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06680" tIns="106680" rIns="106680" bIns="106680" numCol="1" spcCol="1270" anchor="ctr" anchorCtr="0">
          <a:noAutofit/>
        </a:bodyPr>
        <a:lstStyle/>
        <a:p>
          <a:pPr lvl="0" algn="l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500" b="1" u="sng" kern="1200" dirty="0" smtClean="0"/>
            <a:t>Trabajar en mejoras para los profesionales y medios</a:t>
          </a:r>
          <a:r>
            <a:rPr lang="es-ES_tradnl" sz="1500" kern="1200" dirty="0" smtClean="0"/>
            <a:t>:</a:t>
          </a:r>
          <a:endParaRPr lang="es-ES" sz="1500" kern="1200" dirty="0" smtClean="0"/>
        </a:p>
        <a:p>
          <a:pPr lvl="0" algn="l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500" kern="1200" dirty="0" smtClean="0"/>
            <a:t>· Logística y flota: vehículos, limpieza, equipamientos…</a:t>
          </a:r>
        </a:p>
        <a:p>
          <a:pPr lvl="0" algn="l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500" kern="1200" dirty="0" smtClean="0"/>
            <a:t>· Comunicación / Formación…</a:t>
          </a:r>
          <a:endParaRPr lang="es-ES" sz="1500" kern="1200" dirty="0" smtClean="0"/>
        </a:p>
      </dsp:txBody>
      <dsp:txXfrm>
        <a:off x="607744" y="2357120"/>
        <a:ext cx="3784746" cy="1706880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B289A9DE-E642-4F47-B37D-15B5BE35000B}">
      <dsp:nvSpPr>
        <dsp:cNvPr id="0" name=""/>
        <dsp:cNvSpPr/>
      </dsp:nvSpPr>
      <dsp:spPr>
        <a:xfrm>
          <a:off x="0" y="4386567"/>
          <a:ext cx="8928992" cy="858020"/>
        </a:xfrm>
        <a:prstGeom prst="roundRect">
          <a:avLst>
            <a:gd name="adj" fmla="val 10000"/>
          </a:avLst>
        </a:prstGeom>
        <a:solidFill>
          <a:schemeClr val="accent1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77800" tIns="177800" rIns="177800" bIns="17780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2500" kern="1200" dirty="0" smtClean="0"/>
            <a:t>Profesionales</a:t>
          </a:r>
          <a:endParaRPr lang="es-ES" sz="2500" kern="1200" dirty="0"/>
        </a:p>
      </dsp:txBody>
      <dsp:txXfrm>
        <a:off x="0" y="4386567"/>
        <a:ext cx="2678697" cy="858020"/>
      </dsp:txXfrm>
    </dsp:sp>
    <dsp:sp modelId="{8F216C19-378E-4FCC-84CE-7253711FC1F7}">
      <dsp:nvSpPr>
        <dsp:cNvPr id="0" name=""/>
        <dsp:cNvSpPr/>
      </dsp:nvSpPr>
      <dsp:spPr>
        <a:xfrm>
          <a:off x="0" y="3385544"/>
          <a:ext cx="8928992" cy="858020"/>
        </a:xfrm>
        <a:prstGeom prst="roundRect">
          <a:avLst>
            <a:gd name="adj" fmla="val 10000"/>
          </a:avLst>
        </a:prstGeom>
        <a:solidFill>
          <a:schemeClr val="accent1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77800" tIns="177800" rIns="177800" bIns="17780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2500" kern="1200" dirty="0" smtClean="0"/>
            <a:t>Coordinadores</a:t>
          </a:r>
          <a:endParaRPr lang="es-ES" sz="2500" kern="1200" dirty="0"/>
        </a:p>
      </dsp:txBody>
      <dsp:txXfrm>
        <a:off x="0" y="3385544"/>
        <a:ext cx="2678697" cy="858020"/>
      </dsp:txXfrm>
    </dsp:sp>
    <dsp:sp modelId="{F0B0C428-8F47-4E7B-A471-43CA253AB509}">
      <dsp:nvSpPr>
        <dsp:cNvPr id="0" name=""/>
        <dsp:cNvSpPr/>
      </dsp:nvSpPr>
      <dsp:spPr>
        <a:xfrm>
          <a:off x="0" y="2408158"/>
          <a:ext cx="8928992" cy="858020"/>
        </a:xfrm>
        <a:prstGeom prst="roundRect">
          <a:avLst>
            <a:gd name="adj" fmla="val 10000"/>
          </a:avLst>
        </a:prstGeom>
        <a:solidFill>
          <a:schemeClr val="accent1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77800" tIns="177800" rIns="177800" bIns="17780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2500" kern="1200" dirty="0" smtClean="0"/>
            <a:t>Departamentos</a:t>
          </a:r>
          <a:endParaRPr lang="es-ES" sz="2500" kern="1200" dirty="0"/>
        </a:p>
      </dsp:txBody>
      <dsp:txXfrm>
        <a:off x="0" y="2408158"/>
        <a:ext cx="2678697" cy="858020"/>
      </dsp:txXfrm>
    </dsp:sp>
    <dsp:sp modelId="{80EEE1A7-72B9-42B5-A172-F2404671E23F}">
      <dsp:nvSpPr>
        <dsp:cNvPr id="0" name=""/>
        <dsp:cNvSpPr/>
      </dsp:nvSpPr>
      <dsp:spPr>
        <a:xfrm>
          <a:off x="0" y="1407135"/>
          <a:ext cx="8928992" cy="858020"/>
        </a:xfrm>
        <a:prstGeom prst="roundRect">
          <a:avLst>
            <a:gd name="adj" fmla="val 10000"/>
          </a:avLst>
        </a:prstGeom>
        <a:solidFill>
          <a:schemeClr val="accent1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77800" tIns="177800" rIns="177800" bIns="17780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2500" kern="1200" dirty="0" smtClean="0"/>
            <a:t>Dirección de área</a:t>
          </a:r>
          <a:endParaRPr lang="es-ES" sz="2500" kern="1200" dirty="0"/>
        </a:p>
      </dsp:txBody>
      <dsp:txXfrm>
        <a:off x="0" y="1407135"/>
        <a:ext cx="2678697" cy="858020"/>
      </dsp:txXfrm>
    </dsp:sp>
    <dsp:sp modelId="{5A91829B-3FF8-40C5-A382-3154E7794D11}">
      <dsp:nvSpPr>
        <dsp:cNvPr id="0" name=""/>
        <dsp:cNvSpPr/>
      </dsp:nvSpPr>
      <dsp:spPr>
        <a:xfrm>
          <a:off x="0" y="344968"/>
          <a:ext cx="8928992" cy="858020"/>
        </a:xfrm>
        <a:prstGeom prst="roundRect">
          <a:avLst>
            <a:gd name="adj" fmla="val 10000"/>
          </a:avLst>
        </a:prstGeom>
        <a:solidFill>
          <a:schemeClr val="accent1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77800" tIns="177800" rIns="177800" bIns="177800" numCol="1" spcCol="1270" anchor="ctr" anchorCtr="0">
          <a:noAutofit/>
        </a:bodyPr>
        <a:lstStyle/>
        <a:p>
          <a:pPr lvl="0" algn="ctr" defTabSz="11112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2500" kern="1200" dirty="0" smtClean="0"/>
            <a:t>Gerencia GSAIB</a:t>
          </a:r>
          <a:endParaRPr lang="es-ES" sz="2500" kern="1200" dirty="0"/>
        </a:p>
      </dsp:txBody>
      <dsp:txXfrm>
        <a:off x="0" y="344968"/>
        <a:ext cx="2678697" cy="858020"/>
      </dsp:txXfrm>
    </dsp:sp>
    <dsp:sp modelId="{6F658E00-866F-4F71-9C30-9F2D6A35D2D2}">
      <dsp:nvSpPr>
        <dsp:cNvPr id="0" name=""/>
        <dsp:cNvSpPr/>
      </dsp:nvSpPr>
      <dsp:spPr>
        <a:xfrm>
          <a:off x="4896542" y="477613"/>
          <a:ext cx="1502372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200" b="1" kern="1200" dirty="0" smtClean="0"/>
            <a:t>Gerencia GSAIB</a:t>
          </a:r>
        </a:p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200" b="1" kern="1200" dirty="0" smtClean="0"/>
            <a:t>Coordinación GSAIB</a:t>
          </a:r>
          <a:endParaRPr lang="es-ES" sz="1200" b="1" kern="1200" dirty="0"/>
        </a:p>
      </dsp:txBody>
      <dsp:txXfrm>
        <a:off x="4917484" y="498555"/>
        <a:ext cx="1460488" cy="673132"/>
      </dsp:txXfrm>
    </dsp:sp>
    <dsp:sp modelId="{247B89DB-FDB7-46DB-A7B2-66B8B3BAFAD8}">
      <dsp:nvSpPr>
        <dsp:cNvPr id="0" name=""/>
        <dsp:cNvSpPr/>
      </dsp:nvSpPr>
      <dsp:spPr>
        <a:xfrm>
          <a:off x="3279251" y="1192630"/>
          <a:ext cx="2368476" cy="262375"/>
        </a:xfrm>
        <a:custGeom>
          <a:avLst/>
          <a:gdLst/>
          <a:ahLst/>
          <a:cxnLst/>
          <a:rect l="0" t="0" r="0" b="0"/>
          <a:pathLst>
            <a:path>
              <a:moveTo>
                <a:pt x="2368476" y="0"/>
              </a:moveTo>
              <a:lnTo>
                <a:pt x="2368476" y="131187"/>
              </a:lnTo>
              <a:lnTo>
                <a:pt x="0" y="131187"/>
              </a:lnTo>
              <a:lnTo>
                <a:pt x="0" y="262375"/>
              </a:lnTo>
            </a:path>
          </a:pathLst>
        </a:custGeom>
        <a:noFill/>
        <a:ln w="25400" cap="flat" cmpd="sng" algn="ctr">
          <a:solidFill>
            <a:schemeClr val="accent1">
              <a:shade val="6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0C6FC343-DECB-4414-9A2F-A25E5E961A92}">
      <dsp:nvSpPr>
        <dsp:cNvPr id="0" name=""/>
        <dsp:cNvSpPr/>
      </dsp:nvSpPr>
      <dsp:spPr>
        <a:xfrm>
          <a:off x="2742989" y="1455005"/>
          <a:ext cx="1072525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 smtClean="0"/>
            <a:t>Dirección RRHH</a:t>
          </a:r>
          <a:endParaRPr lang="es-ES" sz="1200" b="1" kern="1200" dirty="0"/>
        </a:p>
      </dsp:txBody>
      <dsp:txXfrm>
        <a:off x="2763931" y="1475947"/>
        <a:ext cx="1030641" cy="673132"/>
      </dsp:txXfrm>
    </dsp:sp>
    <dsp:sp modelId="{84054F71-2F13-4EC9-B0A1-26E1F19B5583}">
      <dsp:nvSpPr>
        <dsp:cNvPr id="0" name=""/>
        <dsp:cNvSpPr/>
      </dsp:nvSpPr>
      <dsp:spPr>
        <a:xfrm>
          <a:off x="3233531" y="2170022"/>
          <a:ext cx="91440" cy="2269206"/>
        </a:xfrm>
        <a:custGeom>
          <a:avLst/>
          <a:gdLst/>
          <a:ahLst/>
          <a:cxnLst/>
          <a:rect l="0" t="0" r="0" b="0"/>
          <a:pathLst>
            <a:path>
              <a:moveTo>
                <a:pt x="45720" y="0"/>
              </a:moveTo>
              <a:lnTo>
                <a:pt x="45720" y="1134603"/>
              </a:lnTo>
              <a:lnTo>
                <a:pt x="47371" y="1134603"/>
              </a:lnTo>
              <a:lnTo>
                <a:pt x="47371" y="2269206"/>
              </a:lnTo>
            </a:path>
          </a:pathLst>
        </a:custGeom>
        <a:noFill/>
        <a:ln w="254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BBC0020D-DCA6-47BB-953C-C3D36A1CCBB4}">
      <dsp:nvSpPr>
        <dsp:cNvPr id="0" name=""/>
        <dsp:cNvSpPr/>
      </dsp:nvSpPr>
      <dsp:spPr>
        <a:xfrm>
          <a:off x="2630824" y="4439228"/>
          <a:ext cx="1300158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/>
            <a:t>Administrativos</a:t>
          </a:r>
        </a:p>
      </dsp:txBody>
      <dsp:txXfrm>
        <a:off x="2651766" y="4460170"/>
        <a:ext cx="1258274" cy="673132"/>
      </dsp:txXfrm>
    </dsp:sp>
    <dsp:sp modelId="{537384F2-28F3-4E98-B3D3-87C08A27ADE6}">
      <dsp:nvSpPr>
        <dsp:cNvPr id="0" name=""/>
        <dsp:cNvSpPr/>
      </dsp:nvSpPr>
      <dsp:spPr>
        <a:xfrm>
          <a:off x="5647728" y="1192630"/>
          <a:ext cx="1817016" cy="257513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128756"/>
              </a:lnTo>
              <a:lnTo>
                <a:pt x="1817016" y="128756"/>
              </a:lnTo>
              <a:lnTo>
                <a:pt x="1817016" y="257513"/>
              </a:lnTo>
            </a:path>
          </a:pathLst>
        </a:custGeom>
        <a:noFill/>
        <a:ln w="25400" cap="flat" cmpd="sng" algn="ctr">
          <a:solidFill>
            <a:schemeClr val="accent1">
              <a:shade val="6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593E071D-6A54-42DC-BD94-1DF1EE9097FA}">
      <dsp:nvSpPr>
        <dsp:cNvPr id="0" name=""/>
        <dsp:cNvSpPr/>
      </dsp:nvSpPr>
      <dsp:spPr>
        <a:xfrm>
          <a:off x="6936601" y="1450143"/>
          <a:ext cx="1056287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 smtClean="0"/>
            <a:t>Dirección  </a:t>
          </a:r>
          <a:r>
            <a:rPr lang="es-ES" sz="1200" b="1" kern="1200" dirty="0"/>
            <a:t>Área Operativa</a:t>
          </a:r>
        </a:p>
      </dsp:txBody>
      <dsp:txXfrm>
        <a:off x="6957543" y="1471085"/>
        <a:ext cx="1014403" cy="673132"/>
      </dsp:txXfrm>
    </dsp:sp>
    <dsp:sp modelId="{E17EBC2E-ADDD-45A6-B649-E1370D0A4B7C}">
      <dsp:nvSpPr>
        <dsp:cNvPr id="0" name=""/>
        <dsp:cNvSpPr/>
      </dsp:nvSpPr>
      <dsp:spPr>
        <a:xfrm>
          <a:off x="4838231" y="2165160"/>
          <a:ext cx="2626512" cy="314500"/>
        </a:xfrm>
        <a:custGeom>
          <a:avLst/>
          <a:gdLst/>
          <a:ahLst/>
          <a:cxnLst/>
          <a:rect l="0" t="0" r="0" b="0"/>
          <a:pathLst>
            <a:path>
              <a:moveTo>
                <a:pt x="2626512" y="0"/>
              </a:moveTo>
              <a:lnTo>
                <a:pt x="2626512" y="157250"/>
              </a:lnTo>
              <a:lnTo>
                <a:pt x="0" y="157250"/>
              </a:lnTo>
              <a:lnTo>
                <a:pt x="0" y="314500"/>
              </a:lnTo>
            </a:path>
          </a:pathLst>
        </a:custGeom>
        <a:noFill/>
        <a:ln w="254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70944ACF-DBA4-4A94-93D6-60662634635F}">
      <dsp:nvSpPr>
        <dsp:cNvPr id="0" name=""/>
        <dsp:cNvSpPr/>
      </dsp:nvSpPr>
      <dsp:spPr>
        <a:xfrm>
          <a:off x="4301969" y="2479660"/>
          <a:ext cx="1072525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/>
            <a:t>Jefatura </a:t>
          </a:r>
          <a:r>
            <a:rPr lang="es-ES" sz="1200" b="1" kern="1200" dirty="0" smtClean="0"/>
            <a:t>Logística </a:t>
          </a:r>
          <a:r>
            <a:rPr lang="es-ES" sz="1200" b="1" kern="1200" dirty="0"/>
            <a:t>y flota</a:t>
          </a:r>
        </a:p>
      </dsp:txBody>
      <dsp:txXfrm>
        <a:off x="4322911" y="2500602"/>
        <a:ext cx="1030641" cy="673132"/>
      </dsp:txXfrm>
    </dsp:sp>
    <dsp:sp modelId="{D232F225-E43A-4EB6-9176-904B9F316D01}">
      <dsp:nvSpPr>
        <dsp:cNvPr id="0" name=""/>
        <dsp:cNvSpPr/>
      </dsp:nvSpPr>
      <dsp:spPr>
        <a:xfrm>
          <a:off x="4792511" y="3194677"/>
          <a:ext cx="91440" cy="286006"/>
        </a:xfrm>
        <a:custGeom>
          <a:avLst/>
          <a:gdLst/>
          <a:ahLst/>
          <a:cxnLst/>
          <a:rect l="0" t="0" r="0" b="0"/>
          <a:pathLst>
            <a:path>
              <a:moveTo>
                <a:pt x="45720" y="0"/>
              </a:moveTo>
              <a:lnTo>
                <a:pt x="45720" y="286006"/>
              </a:lnTo>
            </a:path>
          </a:pathLst>
        </a:custGeom>
        <a:noFill/>
        <a:ln w="254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CB827199-93C8-4EE8-9711-430C471C91EE}">
      <dsp:nvSpPr>
        <dsp:cNvPr id="0" name=""/>
        <dsp:cNvSpPr/>
      </dsp:nvSpPr>
      <dsp:spPr>
        <a:xfrm>
          <a:off x="4301969" y="3480684"/>
          <a:ext cx="1072525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 smtClean="0"/>
            <a:t>- </a:t>
          </a:r>
          <a:r>
            <a:rPr lang="es-ES" sz="1200" b="1" kern="1200" dirty="0"/>
            <a:t>Jefe Grupo: responsable equipamiento y material</a:t>
          </a:r>
        </a:p>
      </dsp:txBody>
      <dsp:txXfrm>
        <a:off x="4322911" y="3501626"/>
        <a:ext cx="1030641" cy="673132"/>
      </dsp:txXfrm>
    </dsp:sp>
    <dsp:sp modelId="{78DF75D0-E568-4632-8CF2-887E1EEF3383}">
      <dsp:nvSpPr>
        <dsp:cNvPr id="0" name=""/>
        <dsp:cNvSpPr/>
      </dsp:nvSpPr>
      <dsp:spPr>
        <a:xfrm>
          <a:off x="4792511" y="4195701"/>
          <a:ext cx="91440" cy="213289"/>
        </a:xfrm>
        <a:custGeom>
          <a:avLst/>
          <a:gdLst/>
          <a:ahLst/>
          <a:cxnLst/>
          <a:rect l="0" t="0" r="0" b="0"/>
          <a:pathLst>
            <a:path>
              <a:moveTo>
                <a:pt x="45720" y="0"/>
              </a:moveTo>
              <a:lnTo>
                <a:pt x="45720" y="213289"/>
              </a:lnTo>
            </a:path>
          </a:pathLst>
        </a:custGeom>
        <a:noFill/>
        <a:ln w="254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F1B7FAAC-3628-486C-B854-A4D0FFAAB3FF}">
      <dsp:nvSpPr>
        <dsp:cNvPr id="0" name=""/>
        <dsp:cNvSpPr/>
      </dsp:nvSpPr>
      <dsp:spPr>
        <a:xfrm>
          <a:off x="4301969" y="4408990"/>
          <a:ext cx="1072525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>
              <a:solidFill>
                <a:schemeClr val="bg1"/>
              </a:solidFill>
            </a:rPr>
            <a:t>- Mallorca: </a:t>
          </a:r>
          <a:endParaRPr lang="es-ES" sz="1200" b="1" kern="1200" dirty="0" smtClean="0">
            <a:solidFill>
              <a:schemeClr val="bg1"/>
            </a:solidFill>
          </a:endParaRPr>
        </a:p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 smtClean="0">
              <a:solidFill>
                <a:schemeClr val="bg1"/>
              </a:solidFill>
            </a:rPr>
            <a:t>2 </a:t>
          </a:r>
          <a:r>
            <a:rPr lang="es-ES" sz="1200" b="1" kern="1200" dirty="0">
              <a:solidFill>
                <a:schemeClr val="bg1"/>
              </a:solidFill>
            </a:rPr>
            <a:t>TES </a:t>
          </a:r>
          <a:r>
            <a:rPr lang="es-ES" sz="1200" b="1" kern="1200" dirty="0" smtClean="0">
              <a:solidFill>
                <a:schemeClr val="bg1"/>
              </a:solidFill>
            </a:rPr>
            <a:t>Nave</a:t>
          </a:r>
          <a:endParaRPr lang="es-ES" sz="1200" b="1" kern="1200" dirty="0">
            <a:solidFill>
              <a:schemeClr val="accent2"/>
            </a:solidFill>
          </a:endParaRPr>
        </a:p>
      </dsp:txBody>
      <dsp:txXfrm>
        <a:off x="4322911" y="4429932"/>
        <a:ext cx="1030641" cy="673132"/>
      </dsp:txXfrm>
    </dsp:sp>
    <dsp:sp modelId="{2222B882-C5F5-4461-8A0A-F143651A3699}">
      <dsp:nvSpPr>
        <dsp:cNvPr id="0" name=""/>
        <dsp:cNvSpPr/>
      </dsp:nvSpPr>
      <dsp:spPr>
        <a:xfrm>
          <a:off x="6484928" y="2165160"/>
          <a:ext cx="979816" cy="314500"/>
        </a:xfrm>
        <a:custGeom>
          <a:avLst/>
          <a:gdLst/>
          <a:ahLst/>
          <a:cxnLst/>
          <a:rect l="0" t="0" r="0" b="0"/>
          <a:pathLst>
            <a:path>
              <a:moveTo>
                <a:pt x="979816" y="0"/>
              </a:moveTo>
              <a:lnTo>
                <a:pt x="979816" y="157250"/>
              </a:lnTo>
              <a:lnTo>
                <a:pt x="0" y="157250"/>
              </a:lnTo>
              <a:lnTo>
                <a:pt x="0" y="314500"/>
              </a:lnTo>
            </a:path>
          </a:pathLst>
        </a:custGeom>
        <a:noFill/>
        <a:ln w="254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19A87BFE-A3EE-4C2A-9E36-3BF90A0DC027}">
      <dsp:nvSpPr>
        <dsp:cNvPr id="0" name=""/>
        <dsp:cNvSpPr/>
      </dsp:nvSpPr>
      <dsp:spPr>
        <a:xfrm>
          <a:off x="5948665" y="2479660"/>
          <a:ext cx="1072525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/>
            <a:t>Jefatura </a:t>
          </a:r>
          <a:r>
            <a:rPr lang="es-ES" sz="1200" b="1" kern="1200" dirty="0" smtClean="0"/>
            <a:t>Operaciones </a:t>
          </a:r>
          <a:r>
            <a:rPr lang="es-ES" sz="1200" b="1" kern="1200" dirty="0"/>
            <a:t>y TES</a:t>
          </a:r>
        </a:p>
      </dsp:txBody>
      <dsp:txXfrm>
        <a:off x="5969607" y="2500602"/>
        <a:ext cx="1030641" cy="673132"/>
      </dsp:txXfrm>
    </dsp:sp>
    <dsp:sp modelId="{5834D663-F2CC-477A-8AAE-51D55168DEED}">
      <dsp:nvSpPr>
        <dsp:cNvPr id="0" name=""/>
        <dsp:cNvSpPr/>
      </dsp:nvSpPr>
      <dsp:spPr>
        <a:xfrm>
          <a:off x="6439208" y="3194677"/>
          <a:ext cx="91440" cy="286006"/>
        </a:xfrm>
        <a:custGeom>
          <a:avLst/>
          <a:gdLst/>
          <a:ahLst/>
          <a:cxnLst/>
          <a:rect l="0" t="0" r="0" b="0"/>
          <a:pathLst>
            <a:path>
              <a:moveTo>
                <a:pt x="45720" y="0"/>
              </a:moveTo>
              <a:lnTo>
                <a:pt x="45720" y="286006"/>
              </a:lnTo>
            </a:path>
          </a:pathLst>
        </a:custGeom>
        <a:noFill/>
        <a:ln w="254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21734E9E-4C8E-4719-91BC-ADBD614B6AC4}">
      <dsp:nvSpPr>
        <dsp:cNvPr id="0" name=""/>
        <dsp:cNvSpPr/>
      </dsp:nvSpPr>
      <dsp:spPr>
        <a:xfrm>
          <a:off x="5696252" y="3480684"/>
          <a:ext cx="1577352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34290" tIns="34290" rIns="34290" bIns="34290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900" b="1" kern="1200" dirty="0">
              <a:solidFill>
                <a:schemeClr val="bg1"/>
              </a:solidFill>
            </a:rPr>
            <a:t>- Jefe </a:t>
          </a:r>
          <a:r>
            <a:rPr lang="es-ES" sz="900" b="1" kern="1200" dirty="0" smtClean="0">
              <a:solidFill>
                <a:schemeClr val="bg1"/>
              </a:solidFill>
            </a:rPr>
            <a:t>TES Palma/</a:t>
          </a:r>
          <a:r>
            <a:rPr lang="es-ES" sz="900" b="1" kern="1200" dirty="0" err="1" smtClean="0">
              <a:solidFill>
                <a:schemeClr val="bg1"/>
              </a:solidFill>
            </a:rPr>
            <a:t>Ponent</a:t>
          </a:r>
          <a:endParaRPr lang="es-ES" sz="900" b="1" kern="1200" dirty="0">
            <a:solidFill>
              <a:schemeClr val="bg1"/>
            </a:solidFill>
          </a:endParaRPr>
        </a:p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900" b="1" kern="1200" dirty="0"/>
            <a:t>- Jefe </a:t>
          </a:r>
          <a:r>
            <a:rPr lang="es-ES" sz="900" b="1" kern="1200" dirty="0" smtClean="0"/>
            <a:t>TES </a:t>
          </a:r>
          <a:r>
            <a:rPr lang="es-ES" sz="900" b="1" kern="1200" dirty="0" err="1"/>
            <a:t>Part</a:t>
          </a:r>
          <a:r>
            <a:rPr lang="es-ES" sz="900" b="1" kern="1200" dirty="0"/>
            <a:t> Forana</a:t>
          </a:r>
        </a:p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900" b="1" kern="1200" dirty="0">
              <a:solidFill>
                <a:schemeClr val="bg1"/>
              </a:solidFill>
            </a:rPr>
            <a:t>- Jefe </a:t>
          </a:r>
          <a:r>
            <a:rPr lang="es-ES" sz="900" b="1" kern="1200" dirty="0" smtClean="0">
              <a:solidFill>
                <a:schemeClr val="bg1"/>
              </a:solidFill>
            </a:rPr>
            <a:t>TES </a:t>
          </a:r>
          <a:r>
            <a:rPr lang="es-ES" sz="900" b="1" kern="1200" dirty="0">
              <a:solidFill>
                <a:schemeClr val="bg1"/>
              </a:solidFill>
            </a:rPr>
            <a:t>Menorca</a:t>
          </a:r>
        </a:p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900" b="1" kern="1200" dirty="0">
              <a:solidFill>
                <a:schemeClr val="bg1"/>
              </a:solidFill>
            </a:rPr>
            <a:t>- Jefe </a:t>
          </a:r>
          <a:r>
            <a:rPr lang="es-ES" sz="900" b="1" kern="1200" dirty="0" smtClean="0">
              <a:solidFill>
                <a:schemeClr val="bg1"/>
              </a:solidFill>
            </a:rPr>
            <a:t>TES </a:t>
          </a:r>
          <a:r>
            <a:rPr lang="es-ES" sz="900" b="1" kern="1200" dirty="0">
              <a:solidFill>
                <a:schemeClr val="bg1"/>
              </a:solidFill>
            </a:rPr>
            <a:t>Ibiza y Formentera</a:t>
          </a:r>
        </a:p>
      </dsp:txBody>
      <dsp:txXfrm>
        <a:off x="5717194" y="3501626"/>
        <a:ext cx="1535468" cy="673132"/>
      </dsp:txXfrm>
    </dsp:sp>
    <dsp:sp modelId="{93DB987A-5721-47E1-975D-1984DF232DFF}">
      <dsp:nvSpPr>
        <dsp:cNvPr id="0" name=""/>
        <dsp:cNvSpPr/>
      </dsp:nvSpPr>
      <dsp:spPr>
        <a:xfrm>
          <a:off x="6439208" y="4195701"/>
          <a:ext cx="91440" cy="215684"/>
        </a:xfrm>
        <a:custGeom>
          <a:avLst/>
          <a:gdLst/>
          <a:ahLst/>
          <a:cxnLst/>
          <a:rect l="0" t="0" r="0" b="0"/>
          <a:pathLst>
            <a:path>
              <a:moveTo>
                <a:pt x="45720" y="0"/>
              </a:moveTo>
              <a:lnTo>
                <a:pt x="45720" y="107842"/>
              </a:lnTo>
              <a:lnTo>
                <a:pt x="51726" y="107842"/>
              </a:lnTo>
              <a:lnTo>
                <a:pt x="51726" y="215684"/>
              </a:lnTo>
            </a:path>
          </a:pathLst>
        </a:custGeom>
        <a:noFill/>
        <a:ln w="254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785F2F98-171D-4621-9DC8-4A02A5231AE6}">
      <dsp:nvSpPr>
        <dsp:cNvPr id="0" name=""/>
        <dsp:cNvSpPr/>
      </dsp:nvSpPr>
      <dsp:spPr>
        <a:xfrm>
          <a:off x="5931156" y="4411386"/>
          <a:ext cx="1119555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 smtClean="0"/>
            <a:t>TES Baleares</a:t>
          </a:r>
          <a:endParaRPr lang="es-ES" sz="1200" b="1" kern="1200" dirty="0"/>
        </a:p>
      </dsp:txBody>
      <dsp:txXfrm>
        <a:off x="5952098" y="4432328"/>
        <a:ext cx="1077671" cy="673132"/>
      </dsp:txXfrm>
    </dsp:sp>
    <dsp:sp modelId="{0AE113A1-27AF-44F1-9FAC-4698A1BFF5B0}">
      <dsp:nvSpPr>
        <dsp:cNvPr id="0" name=""/>
        <dsp:cNvSpPr/>
      </dsp:nvSpPr>
      <dsp:spPr>
        <a:xfrm>
          <a:off x="7464744" y="2165160"/>
          <a:ext cx="711958" cy="1281996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640998"/>
              </a:lnTo>
              <a:lnTo>
                <a:pt x="711958" y="640998"/>
              </a:lnTo>
              <a:lnTo>
                <a:pt x="711958" y="1281996"/>
              </a:lnTo>
            </a:path>
          </a:pathLst>
        </a:custGeom>
        <a:noFill/>
        <a:ln w="254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AE3BDE76-FEB0-4923-89F3-9D9B4C614DCE}">
      <dsp:nvSpPr>
        <dsp:cNvPr id="0" name=""/>
        <dsp:cNvSpPr/>
      </dsp:nvSpPr>
      <dsp:spPr>
        <a:xfrm>
          <a:off x="7640440" y="3447157"/>
          <a:ext cx="1072525" cy="715016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1910" tIns="41910" rIns="41910" bIns="41910" numCol="1" spcCol="1270" anchor="ctr" anchorCtr="0">
          <a:noAutofit/>
        </a:bodyPr>
        <a:lstStyle/>
        <a:p>
          <a:pPr lvl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100" b="1" kern="1200" dirty="0" smtClean="0"/>
            <a:t>Jefa Operadores </a:t>
          </a:r>
          <a:r>
            <a:rPr lang="es-ES" sz="1100" b="1" kern="1200" dirty="0"/>
            <a:t>y Supervisión Sala CCUM</a:t>
          </a:r>
        </a:p>
      </dsp:txBody>
      <dsp:txXfrm>
        <a:off x="7661382" y="3468099"/>
        <a:ext cx="1030641" cy="673132"/>
      </dsp:txXfrm>
    </dsp:sp>
    <dsp:sp modelId="{ED483D2A-F6AC-41DB-A270-35894ADF141B}">
      <dsp:nvSpPr>
        <dsp:cNvPr id="0" name=""/>
        <dsp:cNvSpPr/>
      </dsp:nvSpPr>
      <dsp:spPr>
        <a:xfrm>
          <a:off x="8091964" y="4162174"/>
          <a:ext cx="91440" cy="216020"/>
        </a:xfrm>
        <a:custGeom>
          <a:avLst/>
          <a:gdLst/>
          <a:ahLst/>
          <a:cxnLst/>
          <a:rect l="0" t="0" r="0" b="0"/>
          <a:pathLst>
            <a:path>
              <a:moveTo>
                <a:pt x="84738" y="0"/>
              </a:moveTo>
              <a:lnTo>
                <a:pt x="84738" y="108010"/>
              </a:lnTo>
              <a:lnTo>
                <a:pt x="45720" y="108010"/>
              </a:lnTo>
              <a:lnTo>
                <a:pt x="45720" y="216020"/>
              </a:lnTo>
            </a:path>
          </a:pathLst>
        </a:custGeom>
        <a:noFill/>
        <a:ln w="254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31A101B4-91C8-4CDF-800B-409560F2D053}">
      <dsp:nvSpPr>
        <dsp:cNvPr id="0" name=""/>
        <dsp:cNvSpPr/>
      </dsp:nvSpPr>
      <dsp:spPr>
        <a:xfrm>
          <a:off x="7560837" y="4378194"/>
          <a:ext cx="1153694" cy="859035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 smtClean="0"/>
            <a:t>Supervisores Sala CCUM</a:t>
          </a:r>
          <a:endParaRPr lang="es-ES" sz="1200" b="1" kern="1200" dirty="0"/>
        </a:p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" sz="1200" b="1" kern="1200" dirty="0" smtClean="0"/>
            <a:t>Operadores CCUM061</a:t>
          </a:r>
          <a:endParaRPr lang="es-ES" sz="1200" b="1" kern="1200" dirty="0"/>
        </a:p>
      </dsp:txBody>
      <dsp:txXfrm>
        <a:off x="7585997" y="4403354"/>
        <a:ext cx="1103374" cy="808715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arrow3">
  <dgm:title val=""/>
  <dgm:desc val=""/>
  <dgm:catLst>
    <dgm:cat type="relationship" pri="5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4" srcId="0" destId="1" srcOrd="0" destOrd="0"/>
        <dgm:cxn modelId="5" srcId="0" destId="2" srcOrd="1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clrData>
  <dgm:layoutNode name="compositeShape">
    <dgm:varLst>
      <dgm:chMax val="2"/>
      <dgm:dir/>
      <dgm:resizeHandles val="exact"/>
    </dgm:varLst>
    <dgm:alg type="composite">
      <dgm:param type="horzAlign" val="none"/>
      <dgm:param type="vertAlign" val="none"/>
    </dgm:alg>
    <dgm:shape xmlns:r="http://schemas.openxmlformats.org/officeDocument/2006/relationships" r:blip="">
      <dgm:adjLst/>
    </dgm:shape>
    <dgm:presOf/>
    <dgm:choose name="Name0">
      <dgm:if name="Name1" func="var" arg="dir" op="equ" val="norm">
        <dgm:choose name="Name2">
          <dgm:if name="Name3" axis="ch" ptType="node" func="cnt" op="gte" val="2">
            <dgm:constrLst>
              <dgm:constr type="w" for="ch" forName="divider" refType="w"/>
              <dgm:constr type="h" for="ch" forName="divider" refType="w" fact="0.2"/>
              <dgm:constr type="h" for="ch" forName="divider" refType="h" op="gte" fact="0.2"/>
              <dgm:constr type="h" for="ch" forName="divider" refType="h" op="lte" fact="0.4"/>
              <dgm:constr type="ctrX" for="ch" forName="divider" refType="w" fact="0.5"/>
              <dgm:constr type="ctrY" for="ch" forName="divider" refType="h" fact="0.5"/>
              <dgm:constr type="w" for="ch" forName="downArrow" refType="w" fact="0.3"/>
              <dgm:constr type="h" for="ch" forName="downArrow" refType="h" fact="0.4"/>
              <dgm:constr type="l" for="ch" forName="downArrow" refType="w" fact="0.1"/>
              <dgm:constr type="t" for="ch" forName="downArrow" refType="h" fact="0.05"/>
              <dgm:constr type="lOff" for="ch" forName="downArrow" refType="w" fact="0.02"/>
              <dgm:constr type="w" for="ch" forName="downArrowText" refType="w" fact="0.32"/>
              <dgm:constr type="h" for="ch" forName="downArrowText" refType="h" fact="0.42"/>
              <dgm:constr type="t" for="ch" forName="downArrowText"/>
              <dgm:constr type="r" for="ch" forName="downArrowText" refType="w" fact="0.85"/>
              <dgm:constr type="w" for="ch" forName="upArrow" refType="w" fact="0.3"/>
              <dgm:constr type="h" for="ch" forName="upArrow" refType="h" fact="0.4"/>
              <dgm:constr type="b" for="ch" forName="upArrow" refType="h" fact="0.95"/>
              <dgm:constr type="r" for="ch" forName="upArrow" refType="w" fact="0.9"/>
              <dgm:constr type="rOff" for="ch" forName="upArrow" refType="w" fact="-0.02"/>
              <dgm:constr type="w" for="ch" forName="upArrowText" refType="w" fact="0.32"/>
              <dgm:constr type="h" for="ch" forName="upArrowText" refType="h" fact="0.42"/>
              <dgm:constr type="b" for="ch" forName="upArrowText" refType="h"/>
              <dgm:constr type="l" for="ch" forName="upArrowText" refType="w" fact="0.15"/>
              <dgm:constr type="primFontSz" for="ch" ptType="node" op="equ" val="65"/>
            </dgm:constrLst>
          </dgm:if>
          <dgm:else name="Name4">
            <dgm:constrLst>
              <dgm:constr type="w" for="ch" forName="downArrow" refType="w" fact="0.4"/>
              <dgm:constr type="h" for="ch" forName="downArrow" refType="h" fact="0.8"/>
              <dgm:constr type="l" for="ch" forName="downArrow" refType="w" fact="0.02"/>
              <dgm:constr type="t" for="ch" forName="downArrow" refType="h" fact="0.05"/>
              <dgm:constr type="lOff" for="ch" forName="downArrow" refType="w" fact="0.02"/>
              <dgm:constr type="w" for="ch" forName="downArrowText" refType="w" fact="0.5"/>
              <dgm:constr type="h" for="ch" forName="downArrowText" refType="h"/>
              <dgm:constr type="t" for="ch" forName="downArrowText"/>
              <dgm:constr type="r" for="ch" forName="downArrowText" refType="w"/>
              <dgm:constr type="primFontSz" for="ch" ptType="node" op="equ" val="65"/>
            </dgm:constrLst>
          </dgm:else>
        </dgm:choose>
      </dgm:if>
      <dgm:else name="Name5">
        <dgm:choose name="Name6">
          <dgm:if name="Name7" axis="ch" ptType="node" func="cnt" op="gte" val="2">
            <dgm:constrLst>
              <dgm:constr type="w" for="ch" forName="divider" refType="w"/>
              <dgm:constr type="h" for="ch" forName="divider" refType="w" fact="0.2"/>
              <dgm:constr type="h" for="ch" forName="divider" refType="h" op="gte" fact="0.2"/>
              <dgm:constr type="h" for="ch" forName="divider" refType="h" op="lte" fact="0.4"/>
              <dgm:constr type="ctrX" for="ch" forName="divider" refType="w" fact="0.5"/>
              <dgm:constr type="ctrY" for="ch" forName="divider" refType="h" fact="0.5"/>
              <dgm:constr type="w" for="ch" forName="downArrow" refType="w" fact="0.3"/>
              <dgm:constr type="h" for="ch" forName="downArrow" refType="h" fact="0.4"/>
              <dgm:constr type="r" for="ch" forName="downArrow" refType="w" fact="0.9"/>
              <dgm:constr type="t" for="ch" forName="downArrow" refType="h" fact="0.05"/>
              <dgm:constr type="rOff" for="ch" forName="downArrow" refType="w" fact="-0.02"/>
              <dgm:constr type="w" for="ch" forName="downArrowText" refType="w" fact="0.32"/>
              <dgm:constr type="h" for="ch" forName="downArrowText" refType="h" fact="0.42"/>
              <dgm:constr type="t" for="ch" forName="downArrowText"/>
              <dgm:constr type="l" for="ch" forName="downArrowText" refType="w" fact="0.15"/>
              <dgm:constr type="w" for="ch" forName="upArrow" refType="w" fact="0.3"/>
              <dgm:constr type="h" for="ch" forName="upArrow" refType="h" fact="0.4"/>
              <dgm:constr type="b" for="ch" forName="upArrow" refType="h" fact="0.95"/>
              <dgm:constr type="l" for="ch" forName="upArrow" refType="w" fact="0.1"/>
              <dgm:constr type="lOff" for="ch" forName="upArrow" refType="w" fact="0.02"/>
              <dgm:constr type="w" for="ch" forName="upArrowText" refType="w" fact="0.32"/>
              <dgm:constr type="h" for="ch" forName="upArrowText" refType="h" fact="0.42"/>
              <dgm:constr type="b" for="ch" forName="upArrowText" refType="h"/>
              <dgm:constr type="r" for="ch" forName="upArrowText" refType="w" fact="0.85"/>
              <dgm:constr type="primFontSz" for="ch" ptType="node" op="equ" val="65"/>
            </dgm:constrLst>
          </dgm:if>
          <dgm:else name="Name8">
            <dgm:constrLst>
              <dgm:constr type="w" for="ch" forName="downArrow" refType="w" fact="0.4"/>
              <dgm:constr type="h" for="ch" forName="downArrow" refType="h" fact="0.8"/>
              <dgm:constr type="r" for="ch" forName="downArrow" refType="w" fact="0.98"/>
              <dgm:constr type="t" for="ch" forName="downArrow" refType="h" fact="0.05"/>
              <dgm:constr type="rOff" for="ch" forName="downArrow" refType="w" fact="-0.02"/>
              <dgm:constr type="w" for="ch" forName="downArrowText" refType="w" fact="0.5"/>
              <dgm:constr type="h" for="ch" forName="downArrowText" refType="h"/>
              <dgm:constr type="t" for="ch" forName="downArrowText"/>
              <dgm:constr type="l" for="ch" forName="downArrowText"/>
              <dgm:constr type="primFontSz" for="ch" ptType="node" op="equ" val="65"/>
            </dgm:constrLst>
          </dgm:else>
        </dgm:choose>
      </dgm:else>
    </dgm:choose>
    <dgm:ruleLst/>
    <dgm:choose name="Name9">
      <dgm:if name="Name10" axis="ch" ptType="node" func="cnt" op="gte" val="2">
        <dgm:layoutNode name="divider" styleLbl="fgShp">
          <dgm:alg type="sp"/>
          <dgm:choose name="Name11">
            <dgm:if name="Name12" func="var" arg="dir" op="equ" val="norm">
              <dgm:shape xmlns:r="http://schemas.openxmlformats.org/officeDocument/2006/relationships" rot="-5" type="mathMinus" r:blip="">
                <dgm:adjLst/>
              </dgm:shape>
            </dgm:if>
            <dgm:else name="Name13">
              <dgm:shape xmlns:r="http://schemas.openxmlformats.org/officeDocument/2006/relationships" rot="5" type="mathMinus" r:blip="">
                <dgm:adjLst/>
              </dgm:shape>
            </dgm:else>
          </dgm:choose>
          <dgm:presOf/>
          <dgm:constrLst/>
          <dgm:ruleLst/>
        </dgm:layoutNode>
      </dgm:if>
      <dgm:else name="Name14"/>
    </dgm:choose>
    <dgm:forEach name="Name15" axis="ch" ptType="node" cnt="1">
      <dgm:layoutNode name="downArrow" styleLbl="node1">
        <dgm:alg type="sp"/>
        <dgm:shape xmlns:r="http://schemas.openxmlformats.org/officeDocument/2006/relationships" type="downArrow" r:blip="">
          <dgm:adjLst/>
        </dgm:shape>
        <dgm:presOf/>
        <dgm:constrLst/>
        <dgm:ruleLst/>
      </dgm:layoutNode>
      <dgm:layoutNode name="downArrowText" styleLbl="revTx">
        <dgm:varLst>
          <dgm:bulletEnabled val="1"/>
        </dgm:varLst>
        <dgm:alg type="tx">
          <dgm:param type="txAnchorVertCh" val="mid"/>
        </dgm:alg>
        <dgm:shape xmlns:r="http://schemas.openxmlformats.org/officeDocument/2006/relationships" type="rect" r:blip="">
          <dgm:adjLst/>
        </dgm:shape>
        <dgm:presOf axis="desOrSelf" ptType="node"/>
        <dgm:constrLst/>
        <dgm:ruleLst>
          <dgm:rule type="primFontSz" val="5" fact="NaN" max="NaN"/>
        </dgm:ruleLst>
      </dgm:layoutNode>
    </dgm:forEach>
    <dgm:forEach name="Name16" axis="ch" ptType="node" st="2" cnt="1">
      <dgm:layoutNode name="upArrow" styleLbl="node1">
        <dgm:alg type="sp"/>
        <dgm:shape xmlns:r="http://schemas.openxmlformats.org/officeDocument/2006/relationships" type="upArrow" r:blip="">
          <dgm:adjLst/>
        </dgm:shape>
        <dgm:presOf/>
        <dgm:constrLst/>
        <dgm:ruleLst/>
      </dgm:layoutNode>
      <dgm:layoutNode name="upArrowText" styleLbl="revTx">
        <dgm:varLst>
          <dgm:bulletEnabled val="1"/>
        </dgm:varLst>
        <dgm:alg type="tx">
          <dgm:param type="txAnchorVertCh" val="mid"/>
        </dgm:alg>
        <dgm:shape xmlns:r="http://schemas.openxmlformats.org/officeDocument/2006/relationships" type="rect" r:blip="">
          <dgm:adjLst/>
        </dgm:shape>
        <dgm:presOf axis="desOrSelf" ptType="node"/>
        <dgm:constrLst/>
        <dgm:ruleLst>
          <dgm:rule type="primFontSz" val="5" fact="NaN" max="NaN"/>
        </dgm:ruleLst>
      </dgm:layoutNode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hierarchy6">
  <dgm:title val=""/>
  <dgm:desc val=""/>
  <dgm:catLst>
    <dgm:cat type="hierarchy" pri="3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4">
          <dgm:prSet phldr="1"/>
        </dgm:pt>
        <dgm:pt modelId="5">
          <dgm:prSet phldr="1"/>
        </dgm:pt>
        <dgm:pt modelId="6">
          <dgm:prSet phldr="1"/>
        </dgm:pt>
      </dgm:ptLst>
      <dgm:cxnLst>
        <dgm:cxn modelId="7" srcId="0" destId="1" srcOrd="0" destOrd="0"/>
        <dgm:cxn modelId="8" srcId="1" destId="2" srcOrd="0" destOrd="0"/>
        <dgm:cxn modelId="9" srcId="1" destId="3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10" srcId="0" destId="4" srcOrd="1" destOrd="0"/>
        <dgm:cxn modelId="11" srcId="0" destId="5" srcOrd="2" destOrd="0"/>
        <dgm:cxn modelId="12" srcId="0" destId="6" srcOrd="3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  <dgm:pt modelId="2"/>
        <dgm:pt modelId="3"/>
      </dgm:ptLst>
      <dgm:cxnLst>
        <dgm:cxn modelId="4" srcId="0" destId="1" srcOrd="0" destOrd="0"/>
        <dgm:cxn modelId="13" srcId="1" destId="11" srcOrd="0" destOrd="0"/>
        <dgm:cxn modelId="14" srcId="1" destId="12" srcOrd="1" destOrd="0"/>
        <dgm:cxn modelId="5" srcId="0" destId="2" srcOrd="1" destOrd="0"/>
        <dgm:cxn modelId="6" srcId="0" destId="3" srcOrd="2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21"/>
        <dgm:pt modelId="211"/>
        <dgm:pt modelId="3"/>
        <dgm:pt modelId="31"/>
        <dgm:pt modelId="311"/>
        <dgm:pt modelId="4"/>
        <dgm:pt modelId="5"/>
        <dgm:pt modelId="6"/>
        <dgm:pt modelId="7"/>
      </dgm:ptLst>
      <dgm:cxnLst>
        <dgm:cxn modelId="8" srcId="0" destId="1" srcOrd="0" destOrd="0"/>
        <dgm:cxn modelId="9" srcId="1" destId="2" srcOrd="0" destOrd="0"/>
        <dgm:cxn modelId="10" srcId="1" destId="3" srcOrd="1" destOrd="0"/>
        <dgm:cxn modelId="23" srcId="2" destId="21" srcOrd="0" destOrd="0"/>
        <dgm:cxn modelId="24" srcId="21" destId="211" srcOrd="0" destOrd="0"/>
        <dgm:cxn modelId="33" srcId="3" destId="31" srcOrd="0" destOrd="0"/>
        <dgm:cxn modelId="34" srcId="31" destId="311" srcOrd="0" destOrd="0"/>
        <dgm:cxn modelId="11" srcId="0" destId="4" srcOrd="1" destOrd="0"/>
        <dgm:cxn modelId="12" srcId="0" destId="5" srcOrd="2" destOrd="0"/>
        <dgm:cxn modelId="13" srcId="0" destId="6" srcOrd="3" destOrd="0"/>
        <dgm:cxn modelId="14" srcId="0" destId="7" srcOrd="4" destOrd="0"/>
      </dgm:cxnLst>
      <dgm:bg/>
      <dgm:whole/>
    </dgm:dataModel>
  </dgm:clrData>
  <dgm:layoutNode name="mainComposite">
    <dgm:varLst>
      <dgm:chPref val="1"/>
      <dgm:dir/>
      <dgm:animOne val="branch"/>
      <dgm:animLvl val="lvl"/>
      <dgm:resizeHandles val="exact"/>
    </dgm:varLst>
    <dgm:alg type="composite">
      <dgm:param type="vertAlign" val="mid"/>
      <dgm:param type="horzAlign" val="ctr"/>
    </dgm:alg>
    <dgm:shape xmlns:r="http://schemas.openxmlformats.org/officeDocument/2006/relationships" r:blip="">
      <dgm:adjLst/>
    </dgm:shape>
    <dgm:presOf/>
    <dgm:choose name="Name0">
      <dgm:if name="Name1" axis="ch" ptType="node" func="cnt" op="gte" val="2">
        <dgm:choose name="Name2">
          <dgm:if name="Name3" func="var" arg="dir" op="equ" val="norm">
            <dgm:constrLst>
              <dgm:constr type="l" for="ch" forName="hierFlow" refType="w" fact="0.3"/>
              <dgm:constr type="t" for="ch" forName="hierFlow"/>
              <dgm:constr type="r" for="ch" forName="hierFlow" refType="w" fact="0.98"/>
              <dgm:constr type="b" for="ch" forName="hierFlow" refType="h" fact="0.98"/>
              <dgm:constr type="l" for="ch" forName="bgShapesFlow"/>
              <dgm:constr type="t" for="ch" forName="bgShapesFlow"/>
              <dgm:constr type="r" for="ch" forName="bgShapesFlow" refType="w"/>
              <dgm:constr type="b" for="ch" forName="bgShapesFlow" refType="h"/>
              <dgm:constr type="w" for="des" forName="level1Shape" refType="w"/>
              <dgm:constr type="h" for="des" forName="level1Shape" refType="w" refFor="des" refForName="level1Shape" fact="0.66667"/>
              <dgm:constr type="w" for="des" forName="level2Shape" refType="w" refFor="des" refForName="level1Shape" op="equ"/>
              <dgm:constr type="h" for="des" forName="level2Shape" refType="h" refFor="des" refForName="level1Shape" op="equ"/>
              <dgm:constr type="sp" for="des" refType="h" refFor="des" refForName="level1Shape" op="equ" fact="0.4"/>
              <dgm:constr type="sibSp" for="des" forName="hierChild1" refType="w" refFor="des" refForName="level1Shape" op="equ" fact="0.3"/>
              <dgm:constr type="sibSp" for="des" forName="hierChild2" refType="sibSp" refFor="des" refForName="hierChild1" op="equ"/>
              <dgm:constr type="sibSp" for="des" forName="hierChild3" refType="sibSp" refFor="des" refForName="hierChild1" op="equ"/>
              <dgm:constr type="userA" for="des" refType="h" refFor="des" refForName="level1Shape" op="equ"/>
              <dgm:constr type="userB" for="des" refType="sp" refFor="des" op="equ"/>
              <dgm:constr type="h" for="des" forName="firstBuf" refType="h" refFor="des" refForName="level1Shape" fact="0.1"/>
            </dgm:constrLst>
          </dgm:if>
          <dgm:else name="Name4">
            <dgm:constrLst>
              <dgm:constr type="l" for="ch" forName="hierFlow" refType="w" fact="0.02"/>
              <dgm:constr type="t" for="ch" forName="hierFlow"/>
              <dgm:constr type="r" for="ch" forName="hierFlow" refType="w" fact="0.7"/>
              <dgm:constr type="b" for="ch" forName="hierFlow" refType="h" fact="0.98"/>
              <dgm:constr type="l" for="ch" forName="bgShapesFlow"/>
              <dgm:constr type="t" for="ch" forName="bgShapesFlow"/>
              <dgm:constr type="r" for="ch" forName="bgShapesFlow" refType="w"/>
              <dgm:constr type="b" for="ch" forName="bgShapesFlow" refType="h"/>
              <dgm:constr type="w" for="des" forName="level1Shape" refType="w"/>
              <dgm:constr type="h" for="des" forName="level1Shape" refType="w" refFor="des" refForName="level1Shape" fact="0.66667"/>
              <dgm:constr type="w" for="des" forName="level2Shape" refType="w" refFor="des" refForName="level1Shape" op="equ"/>
              <dgm:constr type="h" for="des" forName="level2Shape" refType="h" refFor="des" refForName="level1Shape" op="equ"/>
              <dgm:constr type="sp" for="des" refType="h" refFor="des" refForName="level1Shape" op="equ" fact="0.4"/>
              <dgm:constr type="sibSp" for="des" forName="hierChild1" refType="w" refFor="des" refForName="level1Shape" op="equ" fact="0.3"/>
              <dgm:constr type="sibSp" for="des" forName="hierChild2" refType="sibSp" refFor="des" refForName="hierChild1" op="equ"/>
              <dgm:constr type="sibSp" for="des" forName="hierChild3" refType="sibSp" refFor="des" refForName="hierChild1" op="equ"/>
              <dgm:constr type="userA" for="des" refType="h" refFor="des" refForName="level1Shape" op="equ"/>
              <dgm:constr type="userB" for="des" refType="sp" refFor="des" op="equ"/>
              <dgm:constr type="h" for="des" forName="firstBuf" refType="h" refFor="des" refForName="level1Shape" fact="0.1"/>
            </dgm:constrLst>
          </dgm:else>
        </dgm:choose>
      </dgm:if>
      <dgm:else name="Name5">
        <dgm:constrLst>
          <dgm:constr type="l" for="ch" forName="hierFlow"/>
          <dgm:constr type="t" for="ch" forName="hierFlow"/>
          <dgm:constr type="r" for="ch" forName="hierFlow" refType="w"/>
          <dgm:constr type="b" for="ch" forName="hierFlow" refType="h"/>
          <dgm:constr type="l" for="ch" forName="bgShapesFlow"/>
          <dgm:constr type="t" for="ch" forName="bgShapesFlow"/>
          <dgm:constr type="r" for="ch" forName="bgShapesFlow" refType="w"/>
          <dgm:constr type="b" for="ch" forName="bgShapesFlow" refType="h"/>
          <dgm:constr type="w" for="des" forName="level1Shape" refType="w"/>
          <dgm:constr type="h" for="des" forName="level1Shape" refType="w" refFor="des" refForName="level1Shape" fact="0.66667"/>
          <dgm:constr type="w" for="des" forName="level2Shape" refType="w" refFor="des" refForName="level1Shape" op="equ"/>
          <dgm:constr type="h" for="des" forName="level2Shape" refType="h" refFor="des" refForName="level1Shape" op="equ"/>
          <dgm:constr type="sp" for="des" refType="h" refFor="des" refForName="level1Shape" op="equ" fact="0.4"/>
          <dgm:constr type="sibSp" for="des" forName="hierChild1" refType="w" refFor="des" refForName="level1Shape" op="equ" fact="0.3"/>
          <dgm:constr type="sibSp" for="des" forName="hierChild2" refType="sibSp" refFor="des" refForName="hierChild1" op="equ"/>
          <dgm:constr type="sibSp" for="des" forName="hierChild3" refType="sibSp" refFor="des" refForName="hierChild1" op="equ"/>
          <dgm:constr type="userA" for="des" refType="h" refFor="des" refForName="level1Shape" op="equ"/>
          <dgm:constr type="userB" for="des" refType="sp" refFor="des" op="equ"/>
          <dgm:constr type="h" for="des" forName="firstBuf" refType="h" refFor="des" refForName="level1Shape" fact="0.1"/>
        </dgm:constrLst>
      </dgm:else>
    </dgm:choose>
    <dgm:ruleLst/>
    <dgm:layoutNode name="hierFlow">
      <dgm:alg type="lin">
        <dgm:param type="linDir" val="fromT"/>
        <dgm:param type="nodeVertAlign" val="t"/>
        <dgm:param type="vertAlign" val="t"/>
        <dgm:param type="nodeHorzAlign" val="ctr"/>
        <dgm:param type="fallback" val="2D"/>
      </dgm:alg>
      <dgm:shape xmlns:r="http://schemas.openxmlformats.org/officeDocument/2006/relationships" r:blip="">
        <dgm:adjLst/>
      </dgm:shape>
      <dgm:presOf/>
      <dgm:constrLst/>
      <dgm:ruleLst/>
      <dgm:choose name="Name6">
        <dgm:if name="Name7" axis="ch" ptType="node" func="cnt" op="gte" val="2">
          <dgm:layoutNode name="firstBuf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if>
        <dgm:else name="Name8"/>
      </dgm:choose>
      <dgm:layoutNode name="hierChild1">
        <dgm:varLst>
          <dgm:chPref val="1"/>
          <dgm:animOne val="branch"/>
          <dgm:animLvl val="lvl"/>
        </dgm:varLst>
        <dgm:choose name="Name9">
          <dgm:if name="Name10" func="var" arg="dir" op="equ" val="norm">
            <dgm:alg type="hierChild">
              <dgm:param type="linDir" val="fromL"/>
              <dgm:param type="vertAlign" val="t"/>
            </dgm:alg>
          </dgm:if>
          <dgm:else name="Name11">
            <dgm:alg type="hierChild">
              <dgm:param type="linDir" val="fromR"/>
              <dgm:param type="vertAlign" val="t"/>
            </dgm:alg>
          </dgm:else>
        </dgm:choose>
        <dgm:shape xmlns:r="http://schemas.openxmlformats.org/officeDocument/2006/relationships" r:blip="">
          <dgm:adjLst/>
        </dgm:shape>
        <dgm:presOf/>
        <dgm:constrLst>
          <dgm:constr type="primFontSz" for="des" ptType="node" op="equ"/>
        </dgm:constrLst>
        <dgm:ruleLst/>
        <dgm:forEach name="Name12" axis="ch" cnt="3">
          <dgm:forEach name="Name13" axis="self" ptType="node">
            <dgm:layoutNode name="Name14">
              <dgm:alg type="hierRoot"/>
              <dgm:shape xmlns:r="http://schemas.openxmlformats.org/officeDocument/2006/relationships" r:blip="">
                <dgm:adjLst/>
              </dgm:shape>
              <dgm:presOf/>
              <dgm:constrLst/>
              <dgm:ruleLst/>
              <dgm:layoutNode name="level1Shape" styleLbl="node0">
                <dgm:varLst>
                  <dgm:chPref val="3"/>
                </dgm:varLst>
                <dgm:alg type="tx"/>
                <dgm:shape xmlns:r="http://schemas.openxmlformats.org/officeDocument/2006/relationships" type="roundRect" r:blip="">
                  <dgm:adjLst>
                    <dgm:adj idx="1" val="0.1"/>
                  </dgm:adjLst>
                </dgm:shape>
                <dgm:presOf axis="self"/>
                <dgm:constrLst>
                  <dgm:constr type="primFontSz" val="65"/>
                  <dgm:constr type="tMarg" refType="primFontSz" fact="0.3"/>
                  <dgm:constr type="bMarg" refType="primFontSz" fact="0.3"/>
                  <dgm:constr type="lMarg" refType="primFontSz" fact="0.3"/>
                  <dgm:constr type="rMarg" refType="primFontSz" fact="0.3"/>
                </dgm:constrLst>
                <dgm:ruleLst>
                  <dgm:rule type="primFontSz" val="5" fact="NaN" max="NaN"/>
                </dgm:ruleLst>
              </dgm:layoutNode>
              <dgm:layoutNode name="hierChild2">
                <dgm:choose name="Name15">
                  <dgm:if name="Name16" func="var" arg="dir" op="equ" val="norm">
                    <dgm:alg type="hierChild">
                      <dgm:param type="linDir" val="fromL"/>
                    </dgm:alg>
                  </dgm:if>
                  <dgm:else name="Name17">
                    <dgm:alg type="hierChild">
                      <dgm:param type="linDir" val="fromR"/>
                    </dgm:alg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/>
                <dgm:ruleLst/>
                <dgm:forEach name="repeat" axis="ch">
                  <dgm:forEach name="Name18" axis="self" ptType="parTrans" cnt="1">
                    <dgm:layoutNode name="Name19">
                      <dgm:alg type="conn">
                        <dgm:param type="dim" val="1D"/>
                        <dgm:param type="endSty" val="noArr"/>
                        <dgm:param type="connRout" val="bend"/>
                        <dgm:param type="begPts" val="bCtr"/>
                        <dgm:param type="endPts" val="tCtr"/>
                      </dgm:alg>
                      <dgm:shape xmlns:r="http://schemas.openxmlformats.org/officeDocument/2006/relationships" type="conn" r:blip="">
                        <dgm:adjLst/>
                      </dgm:shape>
                      <dgm:presOf axis="self"/>
                      <dgm:constrLst>
                        <dgm:constr type="w" val="1"/>
                        <dgm:constr type="h" val="1"/>
                        <dgm:constr type="begPad"/>
                        <dgm:constr type="endPad"/>
                      </dgm:constrLst>
                      <dgm:ruleLst/>
                    </dgm:layoutNode>
                  </dgm:forEach>
                  <dgm:forEach name="Name20" axis="self" ptType="node">
                    <dgm:layoutNode name="Name21">
                      <dgm:alg type="hierRoot"/>
                      <dgm:shape xmlns:r="http://schemas.openxmlformats.org/officeDocument/2006/relationships" r:blip="">
                        <dgm:adjLst/>
                      </dgm:shape>
                      <dgm:presOf/>
                      <dgm:constrLst/>
                      <dgm:ruleLst/>
                      <dgm:layoutNode name="level2Shape">
                        <dgm:alg type="tx"/>
                        <dgm:shape xmlns:r="http://schemas.openxmlformats.org/officeDocument/2006/relationships" type="roundRect" r:blip="">
                          <dgm:adjLst>
                            <dgm:adj idx="1" val="0.1"/>
                          </dgm:adjLst>
                        </dgm:shape>
                        <dgm:presOf axis="self"/>
                        <dgm:constrLst>
                          <dgm:constr type="primFontSz" val="65"/>
                          <dgm:constr type="tMarg" refType="primFontSz" fact="0.3"/>
                          <dgm:constr type="bMarg" refType="primFontSz" fact="0.3"/>
                          <dgm:constr type="lMarg" refType="primFontSz" fact="0.3"/>
                          <dgm:constr type="rMarg" refType="primFontSz" fact="0.3"/>
                        </dgm:constrLst>
                        <dgm:ruleLst>
                          <dgm:rule type="primFontSz" val="5" fact="NaN" max="NaN"/>
                        </dgm:ruleLst>
                      </dgm:layoutNode>
                      <dgm:layoutNode name="hierChild3">
                        <dgm:choose name="Name22">
                          <dgm:if name="Name23" func="var" arg="dir" op="equ" val="norm">
                            <dgm:alg type="hierChild">
                              <dgm:param type="linDir" val="fromL"/>
                            </dgm:alg>
                          </dgm:if>
                          <dgm:else name="Name24">
                            <dgm:alg type="hierChild">
                              <dgm:param type="linDir" val="fromR"/>
                            </dgm:alg>
                          </dgm:else>
                        </dgm:choose>
                        <dgm:shape xmlns:r="http://schemas.openxmlformats.org/officeDocument/2006/relationships" r:blip="">
                          <dgm:adjLst/>
                        </dgm:shape>
                        <dgm:presOf/>
                        <dgm:constrLst/>
                        <dgm:ruleLst/>
                        <dgm:forEach name="Name25" ref="repeat"/>
                      </dgm:layoutNode>
                    </dgm:layoutNode>
                  </dgm:forEach>
                </dgm:forEach>
              </dgm:layoutNode>
            </dgm:layoutNode>
          </dgm:forEach>
        </dgm:forEach>
      </dgm:layoutNode>
    </dgm:layoutNode>
    <dgm:layoutNode name="bgShapesFlow">
      <dgm:alg type="lin">
        <dgm:param type="linDir" val="fromT"/>
        <dgm:param type="nodeVertAlign" val="t"/>
        <dgm:param type="vertAlign" val="t"/>
        <dgm:param type="nodeHorzAlign" val="ctr"/>
      </dgm:alg>
      <dgm:shape xmlns:r="http://schemas.openxmlformats.org/officeDocument/2006/relationships" r:blip="">
        <dgm:adjLst/>
      </dgm:shape>
      <dgm:presOf/>
      <dgm:constrLst>
        <dgm:constr type="userB"/>
        <dgm:constr type="w" for="ch" forName="rectComp" refType="w"/>
        <dgm:constr type="h" for="ch" forName="rectComp" refType="h"/>
        <dgm:constr type="w" for="des" forName="bgRect" refType="w"/>
        <dgm:constr type="primFontSz" for="des" forName="bgRectTx" op="equ"/>
      </dgm:constrLst>
      <dgm:ruleLst/>
      <dgm:forEach name="Name26" axis="ch" ptType="node" st="2">
        <dgm:layoutNode name="rectComp">
          <dgm:alg type="composite">
            <dgm:param type="vertAlign" val="t"/>
            <dgm:param type="horzAlign" val="ctr"/>
          </dgm:alg>
          <dgm:shape xmlns:r="http://schemas.openxmlformats.org/officeDocument/2006/relationships" r:blip="">
            <dgm:adjLst/>
          </dgm:shape>
          <dgm:presOf/>
          <dgm:choose name="Name27">
            <dgm:if name="Name28" func="var" arg="dir" op="equ" val="norm">
              <dgm:constrLst>
                <dgm:constr type="userA"/>
                <dgm:constr type="l" for="ch" forName="bgRect"/>
                <dgm:constr type="t" for="ch" forName="bgRect"/>
                <dgm:constr type="h" for="ch" forName="bgRect" refType="userA" fact="1.2"/>
                <dgm:constr type="l" for="ch" forName="bgRectTx"/>
                <dgm:constr type="t" for="ch" forName="bgRectTx"/>
                <dgm:constr type="w" for="ch" forName="bgRectTx" refType="w" refFor="ch" refForName="bgRect" fact="0.3"/>
                <dgm:constr type="h" for="ch" forName="bgRectTx" refType="h" refFor="ch" refForName="bgRect" op="equ"/>
              </dgm:constrLst>
            </dgm:if>
            <dgm:else name="Name29">
              <dgm:constrLst>
                <dgm:constr type="userA"/>
                <dgm:constr type="l" for="ch" forName="bgRect"/>
                <dgm:constr type="t" for="ch" forName="bgRect"/>
                <dgm:constr type="h" for="ch" forName="bgRect" refType="userA" fact="1.2"/>
                <dgm:constr type="r" for="ch" forName="bgRectTx" refType="w"/>
                <dgm:constr type="t" for="ch" forName="bgRectTx"/>
                <dgm:constr type="w" for="ch" forName="bgRectTx" refType="w" refFor="ch" refForName="bgRect" fact="0.3"/>
                <dgm:constr type="h" for="ch" forName="bgRectTx" refType="h" refFor="ch" refForName="bgRect" op="equ"/>
              </dgm:constrLst>
            </dgm:else>
          </dgm:choose>
          <dgm:ruleLst/>
          <dgm:layoutNode name="bgRect" styleLbl="bgShp">
            <dgm:alg type="sp"/>
            <dgm:shape xmlns:r="http://schemas.openxmlformats.org/officeDocument/2006/relationships" type="roundRect" r:blip="" zOrderOff="-999">
              <dgm:adjLst>
                <dgm:adj idx="1" val="0.1"/>
              </dgm:adjLst>
            </dgm:shape>
            <dgm:presOf axis="desOrSelf" ptType="node"/>
            <dgm:constrLst/>
            <dgm:ruleLst/>
          </dgm:layoutNode>
          <dgm:layoutNode name="bgRectTx" styleLbl="bgShp">
            <dgm:varLst>
              <dgm:bulletEnabled val="1"/>
            </dgm:varLst>
            <dgm:alg type="tx"/>
            <dgm:presOf axis="desOrSelf" ptType="node"/>
            <dgm:shape xmlns:r="http://schemas.openxmlformats.org/officeDocument/2006/relationships" type="rect" r:blip="" zOrderOff="-999" hideGeom="1">
              <dgm:adjLst/>
            </dgm:shape>
            <dgm:constrLst>
              <dgm:constr type="primFontSz" val="65"/>
            </dgm:constrLst>
            <dgm:ruleLst>
              <dgm:rule type="primFontSz" val="5" fact="NaN" max="NaN"/>
            </dgm:ruleLst>
          </dgm:layoutNode>
        </dgm:layoutNode>
        <dgm:choose name="Name30">
          <dgm:if name="Name31" axis="self" ptType="node" func="revPos" op="gte" val="2">
            <dgm:layoutNode name="spComp">
              <dgm:alg type="composite">
                <dgm:param type="vertAlign" val="t"/>
                <dgm:param type="horzAlign" val="ctr"/>
              </dgm:alg>
              <dgm:shape xmlns:r="http://schemas.openxmlformats.org/officeDocument/2006/relationships" r:blip="">
                <dgm:adjLst/>
              </dgm:shape>
              <dgm:presOf/>
              <dgm:constrLst>
                <dgm:constr type="userA"/>
                <dgm:constr type="userB"/>
                <dgm:constr type="l" for="ch" forName="vSp"/>
                <dgm:constr type="t" for="ch" forName="vSp"/>
                <dgm:constr type="h" for="ch" forName="vSp" refType="userB"/>
                <dgm:constr type="hOff" for="ch" forName="vSp" refType="userA" fact="-0.2"/>
              </dgm:constrLst>
              <dgm:ruleLst/>
              <dgm:layoutNode name="vSp">
                <dgm:alg type="sp"/>
                <dgm:shape xmlns:r="http://schemas.openxmlformats.org/officeDocument/2006/relationships" r:blip="">
                  <dgm:adjLst/>
                </dgm:shape>
                <dgm:presOf/>
                <dgm:constrLst/>
                <dgm:ruleLst/>
              </dgm:layoutNode>
            </dgm:layoutNode>
          </dgm:if>
          <dgm:else name="Name32"/>
        </dgm:choose>
      </dgm:forEach>
    </dgm:layoutNod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Subtítulo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s-ES" smtClean="0"/>
              <a:t>Haga clic para modificar el estilo de subtítulo del patrón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y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vertical y tex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 vertical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y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Encabezado de sec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os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texto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6" name="5 Marcador de contenido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7" name="6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8" name="7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9" name="8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ólo el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4" name="3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5" name="4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n bl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3" name="2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ido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n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posición de imagen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título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A847CFC-816F-41D0-AAC0-9BF4FEBC753E}" type="datetimeFigureOut">
              <a:rPr lang="es-ES" smtClean="0"/>
              <a:t>14/10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s-E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9.jpeg"/><Relationship Id="rId5" Type="http://schemas.openxmlformats.org/officeDocument/2006/relationships/image" Target="../media/image28.jpeg"/><Relationship Id="rId4" Type="http://schemas.openxmlformats.org/officeDocument/2006/relationships/image" Target="../media/image5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30.png"/><Relationship Id="rId4" Type="http://schemas.openxmlformats.org/officeDocument/2006/relationships/image" Target="../media/image5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31.png"/><Relationship Id="rId4" Type="http://schemas.openxmlformats.org/officeDocument/2006/relationships/image" Target="../media/image5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3.jpeg"/><Relationship Id="rId5" Type="http://schemas.openxmlformats.org/officeDocument/2006/relationships/image" Target="../media/image32.jpeg"/><Relationship Id="rId4" Type="http://schemas.openxmlformats.org/officeDocument/2006/relationships/image" Target="../media/image5.pn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7.jpeg"/><Relationship Id="rId3" Type="http://schemas.openxmlformats.org/officeDocument/2006/relationships/image" Target="../media/image4.jpeg"/><Relationship Id="rId7" Type="http://schemas.openxmlformats.org/officeDocument/2006/relationships/image" Target="../media/image36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5.jpeg"/><Relationship Id="rId5" Type="http://schemas.openxmlformats.org/officeDocument/2006/relationships/image" Target="../media/image34.jpeg"/><Relationship Id="rId4" Type="http://schemas.openxmlformats.org/officeDocument/2006/relationships/image" Target="../media/image5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7" Type="http://schemas.openxmlformats.org/officeDocument/2006/relationships/image" Target="../media/image40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9.png"/><Relationship Id="rId5" Type="http://schemas.openxmlformats.org/officeDocument/2006/relationships/image" Target="../media/image38.jpeg"/><Relationship Id="rId4" Type="http://schemas.openxmlformats.org/officeDocument/2006/relationships/image" Target="../media/image5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43.png"/><Relationship Id="rId3" Type="http://schemas.openxmlformats.org/officeDocument/2006/relationships/image" Target="../media/image4.jpeg"/><Relationship Id="rId7" Type="http://schemas.openxmlformats.org/officeDocument/2006/relationships/image" Target="../media/image42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microsoft.com/office/2007/relationships/hdphoto" Target="../media/hdphoto2.wdp"/><Relationship Id="rId5" Type="http://schemas.openxmlformats.org/officeDocument/2006/relationships/image" Target="../media/image41.png"/><Relationship Id="rId4" Type="http://schemas.openxmlformats.org/officeDocument/2006/relationships/image" Target="../media/image5.png"/><Relationship Id="rId9" Type="http://schemas.openxmlformats.org/officeDocument/2006/relationships/image" Target="../media/image44.jpe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5.jpeg"/><Relationship Id="rId4" Type="http://schemas.openxmlformats.org/officeDocument/2006/relationships/image" Target="../media/image5.png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diagramQuickStyle" Target="../diagrams/quickStyle1.xml"/><Relationship Id="rId3" Type="http://schemas.openxmlformats.org/officeDocument/2006/relationships/image" Target="../media/image3.png"/><Relationship Id="rId7" Type="http://schemas.openxmlformats.org/officeDocument/2006/relationships/diagramLayout" Target="../diagrams/layout1.xml"/><Relationship Id="rId2" Type="http://schemas.openxmlformats.org/officeDocument/2006/relationships/image" Target="../media/image46.jpeg"/><Relationship Id="rId1" Type="http://schemas.openxmlformats.org/officeDocument/2006/relationships/slideLayout" Target="../slideLayouts/slideLayout1.xml"/><Relationship Id="rId6" Type="http://schemas.openxmlformats.org/officeDocument/2006/relationships/diagramData" Target="../diagrams/data1.xml"/><Relationship Id="rId5" Type="http://schemas.openxmlformats.org/officeDocument/2006/relationships/image" Target="../media/image5.png"/><Relationship Id="rId10" Type="http://schemas.microsoft.com/office/2007/relationships/diagramDrawing" Target="../diagrams/drawing1.xml"/><Relationship Id="rId4" Type="http://schemas.openxmlformats.org/officeDocument/2006/relationships/image" Target="../media/image4.jpeg"/><Relationship Id="rId9" Type="http://schemas.openxmlformats.org/officeDocument/2006/relationships/diagramColors" Target="../diagrams/colors1.xml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diagramColors" Target="../diagrams/colors2.xml"/><Relationship Id="rId3" Type="http://schemas.openxmlformats.org/officeDocument/2006/relationships/image" Target="../media/image4.jpeg"/><Relationship Id="rId7" Type="http://schemas.openxmlformats.org/officeDocument/2006/relationships/diagramQuickStyle" Target="../diagrams/quickStyle2.xml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diagramLayout" Target="../diagrams/layout2.xml"/><Relationship Id="rId5" Type="http://schemas.openxmlformats.org/officeDocument/2006/relationships/diagramData" Target="../diagrams/data2.xml"/><Relationship Id="rId4" Type="http://schemas.openxmlformats.org/officeDocument/2006/relationships/image" Target="../media/image5.png"/><Relationship Id="rId9" Type="http://schemas.microsoft.com/office/2007/relationships/diagramDrawing" Target="../diagrams/drawing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gif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5.png"/><Relationship Id="rId4" Type="http://schemas.openxmlformats.org/officeDocument/2006/relationships/image" Target="../media/image4.jpe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5.png"/><Relationship Id="rId4" Type="http://schemas.openxmlformats.org/officeDocument/2006/relationships/image" Target="../media/image4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8.png"/><Relationship Id="rId4" Type="http://schemas.openxmlformats.org/officeDocument/2006/relationships/image" Target="../media/image5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9.png"/><Relationship Id="rId4" Type="http://schemas.openxmlformats.org/officeDocument/2006/relationships/image" Target="../media/image5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50.png"/><Relationship Id="rId4" Type="http://schemas.openxmlformats.org/officeDocument/2006/relationships/image" Target="../media/image5.png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png"/><Relationship Id="rId3" Type="http://schemas.openxmlformats.org/officeDocument/2006/relationships/image" Target="../media/image52.jpeg"/><Relationship Id="rId7" Type="http://schemas.openxmlformats.org/officeDocument/2006/relationships/image" Target="../media/image56.jpeg"/><Relationship Id="rId2" Type="http://schemas.openxmlformats.org/officeDocument/2006/relationships/image" Target="../media/image51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5.jpeg"/><Relationship Id="rId5" Type="http://schemas.openxmlformats.org/officeDocument/2006/relationships/image" Target="../media/image54.jpeg"/><Relationship Id="rId10" Type="http://schemas.openxmlformats.org/officeDocument/2006/relationships/image" Target="../media/image5.png"/><Relationship Id="rId4" Type="http://schemas.openxmlformats.org/officeDocument/2006/relationships/image" Target="../media/image53.jpeg"/><Relationship Id="rId9" Type="http://schemas.openxmlformats.org/officeDocument/2006/relationships/image" Target="../media/image4.jpe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microsoft.com/office/2007/relationships/hdphoto" Target="../media/hdphoto3.wdp"/><Relationship Id="rId5" Type="http://schemas.openxmlformats.org/officeDocument/2006/relationships/image" Target="../media/image57.jpeg"/><Relationship Id="rId4" Type="http://schemas.openxmlformats.org/officeDocument/2006/relationships/image" Target="../media/image5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58.png"/><Relationship Id="rId4" Type="http://schemas.openxmlformats.org/officeDocument/2006/relationships/image" Target="../media/image5.png"/></Relationships>
</file>

<file path=ppt/slides/_rels/slide27.xml.rels><?xml version="1.0" encoding="UTF-8" standalone="yes"?>
<Relationships xmlns="http://schemas.openxmlformats.org/package/2006/relationships"><Relationship Id="rId8" Type="http://schemas.openxmlformats.org/officeDocument/2006/relationships/image" Target="../media/image61.png"/><Relationship Id="rId3" Type="http://schemas.openxmlformats.org/officeDocument/2006/relationships/image" Target="../media/image4.jpeg"/><Relationship Id="rId7" Type="http://schemas.openxmlformats.org/officeDocument/2006/relationships/image" Target="../media/image60.png"/><Relationship Id="rId12" Type="http://schemas.openxmlformats.org/officeDocument/2006/relationships/image" Target="../media/image65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microsoft.com/office/2007/relationships/hdphoto" Target="../media/hdphoto4.wdp"/><Relationship Id="rId11" Type="http://schemas.openxmlformats.org/officeDocument/2006/relationships/image" Target="../media/image64.jpeg"/><Relationship Id="rId5" Type="http://schemas.openxmlformats.org/officeDocument/2006/relationships/image" Target="../media/image59.png"/><Relationship Id="rId10" Type="http://schemas.openxmlformats.org/officeDocument/2006/relationships/image" Target="../media/image63.jpeg"/><Relationship Id="rId4" Type="http://schemas.openxmlformats.org/officeDocument/2006/relationships/image" Target="../media/image5.png"/><Relationship Id="rId9" Type="http://schemas.openxmlformats.org/officeDocument/2006/relationships/image" Target="../media/image62.jpe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6.png"/><Relationship Id="rId7" Type="http://schemas.microsoft.com/office/2007/relationships/hdphoto" Target="../media/hdphoto5.wdp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9.jpeg"/><Relationship Id="rId5" Type="http://schemas.openxmlformats.org/officeDocument/2006/relationships/image" Target="../media/image68.jpeg"/><Relationship Id="rId4" Type="http://schemas.openxmlformats.org/officeDocument/2006/relationships/image" Target="../media/image67.jpe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70.png"/><Relationship Id="rId4" Type="http://schemas.openxmlformats.org/officeDocument/2006/relationships/image" Target="../media/image5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7" Type="http://schemas.openxmlformats.org/officeDocument/2006/relationships/image" Target="../media/image73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72.png"/><Relationship Id="rId5" Type="http://schemas.openxmlformats.org/officeDocument/2006/relationships/image" Target="../media/image71.png"/><Relationship Id="rId4" Type="http://schemas.openxmlformats.org/officeDocument/2006/relationships/image" Target="../media/image5.pn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7" Type="http://schemas.openxmlformats.org/officeDocument/2006/relationships/image" Target="../media/image76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75.png"/><Relationship Id="rId5" Type="http://schemas.openxmlformats.org/officeDocument/2006/relationships/image" Target="../media/image74.png"/><Relationship Id="rId4" Type="http://schemas.openxmlformats.org/officeDocument/2006/relationships/image" Target="../media/image5.png"/></Relationships>
</file>

<file path=ppt/slides/_rels/slide3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9.jpeg"/><Relationship Id="rId3" Type="http://schemas.openxmlformats.org/officeDocument/2006/relationships/image" Target="../media/image4.jpeg"/><Relationship Id="rId7" Type="http://schemas.microsoft.com/office/2007/relationships/hdphoto" Target="../media/hdphoto6.wdp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78.jpeg"/><Relationship Id="rId11" Type="http://schemas.openxmlformats.org/officeDocument/2006/relationships/image" Target="../media/image81.jpeg"/><Relationship Id="rId5" Type="http://schemas.openxmlformats.org/officeDocument/2006/relationships/image" Target="../media/image77.jpeg"/><Relationship Id="rId10" Type="http://schemas.microsoft.com/office/2007/relationships/hdphoto" Target="../media/hdphoto7.wdp"/><Relationship Id="rId4" Type="http://schemas.openxmlformats.org/officeDocument/2006/relationships/image" Target="../media/image5.png"/><Relationship Id="rId9" Type="http://schemas.openxmlformats.org/officeDocument/2006/relationships/image" Target="../media/image80.jpeg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84.jpeg"/><Relationship Id="rId3" Type="http://schemas.openxmlformats.org/officeDocument/2006/relationships/image" Target="../media/image3.png"/><Relationship Id="rId7" Type="http://schemas.microsoft.com/office/2007/relationships/hdphoto" Target="../media/hdphoto8.wdp"/><Relationship Id="rId2" Type="http://schemas.openxmlformats.org/officeDocument/2006/relationships/image" Target="../media/image82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3.jpeg"/><Relationship Id="rId5" Type="http://schemas.openxmlformats.org/officeDocument/2006/relationships/image" Target="../media/image5.png"/><Relationship Id="rId4" Type="http://schemas.openxmlformats.org/officeDocument/2006/relationships/image" Target="../media/image4.jpeg"/></Relationships>
</file>

<file path=ppt/slides/_rels/slide3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7.jpeg"/><Relationship Id="rId3" Type="http://schemas.openxmlformats.org/officeDocument/2006/relationships/image" Target="../media/image4.jpeg"/><Relationship Id="rId7" Type="http://schemas.microsoft.com/office/2007/relationships/hdphoto" Target="../media/hdphoto9.wdp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6.jpeg"/><Relationship Id="rId5" Type="http://schemas.openxmlformats.org/officeDocument/2006/relationships/image" Target="../media/image85.jpeg"/><Relationship Id="rId4" Type="http://schemas.openxmlformats.org/officeDocument/2006/relationships/image" Target="../media/image5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90.jpeg"/><Relationship Id="rId2" Type="http://schemas.openxmlformats.org/officeDocument/2006/relationships/image" Target="../media/image88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9.jpeg"/><Relationship Id="rId5" Type="http://schemas.openxmlformats.org/officeDocument/2006/relationships/image" Target="../media/image5.png"/><Relationship Id="rId4" Type="http://schemas.openxmlformats.org/officeDocument/2006/relationships/image" Target="../media/image4.jpe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microsoft.com/office/2007/relationships/hdphoto" Target="../media/hdphoto10.wdp"/><Relationship Id="rId5" Type="http://schemas.openxmlformats.org/officeDocument/2006/relationships/image" Target="../media/image91.jpeg"/><Relationship Id="rId4" Type="http://schemas.openxmlformats.org/officeDocument/2006/relationships/image" Target="../media/image5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7" Type="http://schemas.openxmlformats.org/officeDocument/2006/relationships/image" Target="../media/image93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microsoft.com/office/2007/relationships/hdphoto" Target="../media/hdphoto11.wdp"/><Relationship Id="rId5" Type="http://schemas.openxmlformats.org/officeDocument/2006/relationships/image" Target="../media/image92.jpeg"/><Relationship Id="rId4" Type="http://schemas.openxmlformats.org/officeDocument/2006/relationships/image" Target="../media/image5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jpeg"/><Relationship Id="rId5" Type="http://schemas.openxmlformats.org/officeDocument/2006/relationships/image" Target="../media/image7.png"/><Relationship Id="rId4" Type="http://schemas.openxmlformats.org/officeDocument/2006/relationships/image" Target="../media/image5.pn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jpeg"/><Relationship Id="rId3" Type="http://schemas.openxmlformats.org/officeDocument/2006/relationships/image" Target="../media/image4.jpeg"/><Relationship Id="rId7" Type="http://schemas.openxmlformats.org/officeDocument/2006/relationships/image" Target="../media/image11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0.jpeg"/><Relationship Id="rId5" Type="http://schemas.openxmlformats.org/officeDocument/2006/relationships/image" Target="../media/image9.jpeg"/><Relationship Id="rId4" Type="http://schemas.openxmlformats.org/officeDocument/2006/relationships/image" Target="../media/image5.png"/><Relationship Id="rId9" Type="http://schemas.openxmlformats.org/officeDocument/2006/relationships/image" Target="../media/image13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7" Type="http://schemas.openxmlformats.org/officeDocument/2006/relationships/image" Target="../media/image16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5.png"/><Relationship Id="rId5" Type="http://schemas.openxmlformats.org/officeDocument/2006/relationships/image" Target="../media/image14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9.jpeg"/><Relationship Id="rId13" Type="http://schemas.openxmlformats.org/officeDocument/2006/relationships/image" Target="../media/image24.jpeg"/><Relationship Id="rId3" Type="http://schemas.openxmlformats.org/officeDocument/2006/relationships/image" Target="../media/image4.jpeg"/><Relationship Id="rId7" Type="http://schemas.microsoft.com/office/2007/relationships/hdphoto" Target="../media/hdphoto1.wdp"/><Relationship Id="rId12" Type="http://schemas.openxmlformats.org/officeDocument/2006/relationships/image" Target="../media/image23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8.jpeg"/><Relationship Id="rId11" Type="http://schemas.openxmlformats.org/officeDocument/2006/relationships/image" Target="../media/image22.jpeg"/><Relationship Id="rId5" Type="http://schemas.openxmlformats.org/officeDocument/2006/relationships/image" Target="../media/image17.jpeg"/><Relationship Id="rId10" Type="http://schemas.openxmlformats.org/officeDocument/2006/relationships/image" Target="../media/image21.jpeg"/><Relationship Id="rId4" Type="http://schemas.openxmlformats.org/officeDocument/2006/relationships/image" Target="../media/image5.png"/><Relationship Id="rId9" Type="http://schemas.openxmlformats.org/officeDocument/2006/relationships/image" Target="../media/image20.jpeg"/><Relationship Id="rId14" Type="http://schemas.openxmlformats.org/officeDocument/2006/relationships/image" Target="../media/image25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7.png"/><Relationship Id="rId5" Type="http://schemas.openxmlformats.org/officeDocument/2006/relationships/image" Target="../media/image26.jpeg"/><Relationship Id="rId4" Type="http://schemas.openxmlformats.org/officeDocument/2006/relationships/image" Target="../media/image5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195" t="5185" r="18012" b="35449"/>
          <a:stretch/>
        </p:blipFill>
        <p:spPr bwMode="auto">
          <a:xfrm>
            <a:off x="-36512" y="1052736"/>
            <a:ext cx="9226994" cy="483006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1409789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Renovación de flota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8" name="Picture 2" descr="C:\Users\s003846\Documents\GESAIB\Innovación-Mejora-Proyectos\Jornadas y congresos\SEMES 2019\Fotos\IMG_7523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3568" y="1700807"/>
            <a:ext cx="7848872" cy="2808901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9" name="1 Título"/>
          <p:cNvSpPr txBox="1">
            <a:spLocks/>
          </p:cNvSpPr>
          <p:nvPr/>
        </p:nvSpPr>
        <p:spPr>
          <a:xfrm>
            <a:off x="251520" y="5517232"/>
            <a:ext cx="8136904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800" b="1" dirty="0" smtClean="0">
                <a:solidFill>
                  <a:schemeClr val="tx2"/>
                </a:solidFill>
                <a:latin typeface="+mn-lt"/>
              </a:rPr>
              <a:t>20 unidades de SVA</a:t>
            </a:r>
          </a:p>
          <a:p>
            <a:pPr algn="l"/>
            <a:r>
              <a:rPr lang="es-ES_tradnl" sz="2800" b="1" dirty="0" smtClean="0">
                <a:solidFill>
                  <a:schemeClr val="tx2"/>
                </a:solidFill>
                <a:latin typeface="+mn-lt"/>
              </a:rPr>
              <a:t>38 unidades de SVB (8 4x4)</a:t>
            </a:r>
          </a:p>
          <a:p>
            <a:pPr algn="l"/>
            <a:r>
              <a:rPr lang="es-ES_tradnl" sz="2800" b="1" dirty="0" smtClean="0">
                <a:solidFill>
                  <a:schemeClr val="tx2"/>
                </a:solidFill>
                <a:latin typeface="+mn-lt"/>
              </a:rPr>
              <a:t>2 vehículos de intervención rápida</a:t>
            </a:r>
          </a:p>
          <a:p>
            <a:pPr algn="l"/>
            <a:endParaRPr lang="es-ES" sz="2800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4099" name="Picture 3" descr="C:\Users\s003846\AppData\Local\Microsoft\Windows\Temporary Internet Files\Content.IE5\XC1I10T9\IMG_7740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77403" y="4581128"/>
            <a:ext cx="2555037" cy="191557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3" name="2 CuadroTexto"/>
          <p:cNvSpPr txBox="1"/>
          <p:nvPr/>
        </p:nvSpPr>
        <p:spPr>
          <a:xfrm>
            <a:off x="6300192" y="6165304"/>
            <a:ext cx="208823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_tradnl" dirty="0" smtClean="0">
                <a:solidFill>
                  <a:schemeClr val="bg1"/>
                </a:solidFill>
              </a:rPr>
              <a:t>Camillas eléctricas</a:t>
            </a:r>
            <a:endParaRPr lang="es-E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403987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Renovación de flota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2 CuadroTexto"/>
          <p:cNvSpPr txBox="1"/>
          <p:nvPr/>
        </p:nvSpPr>
        <p:spPr>
          <a:xfrm>
            <a:off x="6300192" y="6165304"/>
            <a:ext cx="208823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_tradnl" dirty="0" smtClean="0">
                <a:solidFill>
                  <a:schemeClr val="bg1"/>
                </a:solidFill>
              </a:rPr>
              <a:t>Camillas eléctricas</a:t>
            </a:r>
            <a:endParaRPr lang="es-ES" dirty="0">
              <a:solidFill>
                <a:schemeClr val="bg1"/>
              </a:solidFill>
            </a:endParaRPr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0937" y="1902367"/>
            <a:ext cx="8396684" cy="44647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68258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Renovación de flota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2 CuadroTexto"/>
          <p:cNvSpPr txBox="1"/>
          <p:nvPr/>
        </p:nvSpPr>
        <p:spPr>
          <a:xfrm>
            <a:off x="6300192" y="6165304"/>
            <a:ext cx="208823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_tradnl" dirty="0" smtClean="0">
                <a:solidFill>
                  <a:schemeClr val="bg1"/>
                </a:solidFill>
              </a:rPr>
              <a:t>Camillas eléctricas</a:t>
            </a:r>
            <a:endParaRPr lang="es-ES" dirty="0">
              <a:solidFill>
                <a:schemeClr val="bg1"/>
              </a:solidFill>
            </a:endParaRPr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1916832"/>
            <a:ext cx="8348936" cy="410445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7113687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Renovación de equipamiento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2" name="Picture 2" descr="C:\Users\s003846\Documents\GESAIB\Innovación-Mejora-Proyectos\Jornadas y congresos\SEMES 2019\Fotos\PHOTO-2018-12-10-10-49-25[1]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916832"/>
            <a:ext cx="3456384" cy="460851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10" name="1 Título"/>
          <p:cNvSpPr txBox="1">
            <a:spLocks/>
          </p:cNvSpPr>
          <p:nvPr/>
        </p:nvSpPr>
        <p:spPr>
          <a:xfrm>
            <a:off x="3995936" y="4005064"/>
            <a:ext cx="6048672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Monitores con transmisión de EKG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Respiradores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err="1" smtClean="0">
                <a:solidFill>
                  <a:schemeClr val="tx2"/>
                </a:solidFill>
                <a:latin typeface="+mn-lt"/>
              </a:rPr>
              <a:t>Cardiocompresores</a:t>
            </a:r>
            <a:endParaRPr lang="es-ES_tradnl" sz="2000" b="1" dirty="0" smtClean="0">
              <a:solidFill>
                <a:schemeClr val="tx2"/>
              </a:solidFill>
              <a:latin typeface="+mn-lt"/>
            </a:endParaRP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DESA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err="1" smtClean="0">
                <a:solidFill>
                  <a:schemeClr val="tx2"/>
                </a:solidFill>
                <a:latin typeface="+mn-lt"/>
              </a:rPr>
              <a:t>Videolaringoscopios</a:t>
            </a:r>
            <a:endParaRPr lang="es-ES_tradnl" sz="2000" b="1" dirty="0" smtClean="0">
              <a:solidFill>
                <a:schemeClr val="tx2"/>
              </a:solidFill>
              <a:latin typeface="+mn-lt"/>
            </a:endParaRP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Sensor de sedación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err="1" smtClean="0">
                <a:solidFill>
                  <a:schemeClr val="tx2"/>
                </a:solidFill>
                <a:latin typeface="+mn-lt"/>
              </a:rPr>
              <a:t>Cooxímetro</a:t>
            </a:r>
            <a:endParaRPr lang="es-ES_tradnl" sz="2000" b="1" dirty="0" smtClean="0">
              <a:solidFill>
                <a:schemeClr val="tx2"/>
              </a:solidFill>
              <a:latin typeface="+mn-lt"/>
            </a:endParaRP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Ecógrafo portátil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Calentador de fluidos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Aspiradores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Bombas de perfusión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Mochilas de intervención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Material de inmovilización</a:t>
            </a:r>
          </a:p>
          <a:p>
            <a:pPr marL="342900" indent="-342900" algn="l">
              <a:buFontTx/>
              <a:buChar char="-"/>
            </a:pP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…</a:t>
            </a:r>
          </a:p>
        </p:txBody>
      </p:sp>
      <p:pic>
        <p:nvPicPr>
          <p:cNvPr id="8194" name="Picture 2" descr="C:\Users\s003846\Documents\GESAIB\Innovación-Mejora-Proyectos\Jornadas y congresos\SEMES 2019\Fotos\PHOTO-2018-12-10-10-49-25[10]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17096" y="3415816"/>
            <a:ext cx="2147392" cy="161054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3447759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Integración Informática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5" descr="\\scpdps061fs01v\userdata$\s003846\Mis documentos\Calidad 2009\fotos 2009\CCUM - 061\CCUM nueva distribución 2016\IMG_4121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67544" y="1687277"/>
            <a:ext cx="3168352" cy="237626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pic>
        <p:nvPicPr>
          <p:cNvPr id="9" name="Imagen 4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36731"/>
          <a:stretch/>
        </p:blipFill>
        <p:spPr>
          <a:xfrm>
            <a:off x="790910" y="4359220"/>
            <a:ext cx="2568252" cy="216599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pic>
        <p:nvPicPr>
          <p:cNvPr id="11" name="Marcador de contenido 3"/>
          <p:cNvPicPr>
            <a:picLocks noChangeAspect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686" r="60754" b="34476"/>
          <a:stretch/>
        </p:blipFill>
        <p:spPr>
          <a:xfrm>
            <a:off x="4427984" y="2092732"/>
            <a:ext cx="3672408" cy="1840324"/>
          </a:xfrm>
          <a:prstGeom prst="rect">
            <a:avLst/>
          </a:prstGeom>
        </p:spPr>
      </p:pic>
      <p:pic>
        <p:nvPicPr>
          <p:cNvPr id="12" name="Marcador de contenido 3"/>
          <p:cNvPicPr>
            <a:picLocks noChangeAspect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9323" t="31896" r="26703" b="26316"/>
          <a:stretch/>
        </p:blipFill>
        <p:spPr>
          <a:xfrm>
            <a:off x="4427984" y="4378865"/>
            <a:ext cx="3746587" cy="2146350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4335474" y="1628800"/>
            <a:ext cx="4179606" cy="59540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sz="3600" dirty="0" smtClean="0">
                <a:solidFill>
                  <a:schemeClr val="accent2"/>
                </a:solidFill>
              </a:rPr>
              <a:t>Envío desde Séneca</a:t>
            </a:r>
            <a:endParaRPr lang="es-ES" sz="3600" dirty="0">
              <a:solidFill>
                <a:schemeClr val="accent2"/>
              </a:solidFill>
            </a:endParaRPr>
          </a:p>
        </p:txBody>
      </p:sp>
      <p:sp>
        <p:nvSpPr>
          <p:cNvPr id="14" name="Título 1"/>
          <p:cNvSpPr txBox="1">
            <a:spLocks/>
          </p:cNvSpPr>
          <p:nvPr/>
        </p:nvSpPr>
        <p:spPr>
          <a:xfrm>
            <a:off x="4637929" y="3994798"/>
            <a:ext cx="3699601" cy="514322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92500" lnSpcReduction="100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sz="3600" dirty="0" smtClean="0">
                <a:solidFill>
                  <a:schemeClr val="accent2"/>
                </a:solidFill>
              </a:rPr>
              <a:t>Recepción en TEOS</a:t>
            </a:r>
            <a:endParaRPr lang="es-ES" sz="3600" dirty="0">
              <a:solidFill>
                <a:schemeClr val="accent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723150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Integración Informática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5" name="Picture 1" descr="\\scpdps061fs01v\userdata$\s003846\Mis documentos\Calidad 2009\fotos 2009\CCUM - 061\CCUM nueva distribución 2016\IMG_4133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105400" y="2057400"/>
            <a:ext cx="3000375" cy="391001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pic>
        <p:nvPicPr>
          <p:cNvPr id="16" name="Picture 3"/>
          <p:cNvPicPr>
            <a:picLocks noChangeAspect="1" noChangeArrowheads="1"/>
          </p:cNvPicPr>
          <p:nvPr/>
        </p:nvPicPr>
        <p:blipFill>
          <a:blip r:embed="rId6" cstate="print"/>
          <a:srcRect l="20625" t="24797" r="20625" b="2846"/>
          <a:stretch>
            <a:fillRect/>
          </a:stretch>
        </p:blipFill>
        <p:spPr bwMode="auto">
          <a:xfrm>
            <a:off x="247809" y="1953766"/>
            <a:ext cx="2092503" cy="19812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pic>
        <p:nvPicPr>
          <p:cNvPr id="17" name="Picture 4"/>
          <p:cNvPicPr>
            <a:picLocks noChangeAspect="1" noChangeArrowheads="1"/>
          </p:cNvPicPr>
          <p:nvPr/>
        </p:nvPicPr>
        <p:blipFill>
          <a:blip r:embed="rId7" cstate="print"/>
          <a:srcRect l="20000" t="45122" r="22500" b="13415"/>
          <a:stretch>
            <a:fillRect/>
          </a:stretch>
        </p:blipFill>
        <p:spPr bwMode="auto">
          <a:xfrm>
            <a:off x="1600200" y="4343400"/>
            <a:ext cx="3124200" cy="173189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sp>
        <p:nvSpPr>
          <p:cNvPr id="18" name="1 Título"/>
          <p:cNvSpPr txBox="1">
            <a:spLocks/>
          </p:cNvSpPr>
          <p:nvPr/>
        </p:nvSpPr>
        <p:spPr>
          <a:xfrm>
            <a:off x="2564160" y="2204864"/>
            <a:ext cx="2160240" cy="180754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vert="horz" lIns="91440" tIns="45720" rIns="91440" bIns="45720" rtlCol="0" anchor="ctr">
            <a:normAutofit fontScale="750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Integración sistemas </a:t>
            </a:r>
            <a:r>
              <a:rPr lang="es-ES_tradnl" b="1" dirty="0" err="1" smtClean="0">
                <a:solidFill>
                  <a:schemeClr val="tx2"/>
                </a:solidFill>
                <a:latin typeface="+mn-lt"/>
              </a:rPr>
              <a:t>antipánico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22130920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268760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Integración Informática: Historia Clínica Embarcada SVA y SVB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9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harpenSoften amount="50000"/>
                    </a14:imgEffect>
                  </a14:imgLayer>
                </a14:imgProps>
              </a:ext>
            </a:extLst>
          </a:blip>
          <a:srcRect/>
          <a:stretch>
            <a:fillRect/>
          </a:stretch>
        </p:blipFill>
        <p:spPr bwMode="auto">
          <a:xfrm>
            <a:off x="752984" y="2196850"/>
            <a:ext cx="3190963" cy="432849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blurRad="76200" dir="18900000" sy="23000" kx="-1200000" algn="bl" rotWithShape="0">
              <a:prstClr val="black">
                <a:alpha val="20000"/>
              </a:prstClr>
            </a:outerShdw>
          </a:effectLst>
          <a:scene3d>
            <a:camera prst="perspectiveLeft"/>
            <a:lightRig rig="threePt" dir="t"/>
          </a:scene3d>
        </p:spPr>
      </p:pic>
      <p:grpSp>
        <p:nvGrpSpPr>
          <p:cNvPr id="3" name="2 Grupo"/>
          <p:cNvGrpSpPr/>
          <p:nvPr/>
        </p:nvGrpSpPr>
        <p:grpSpPr>
          <a:xfrm>
            <a:off x="5479828" y="2406351"/>
            <a:ext cx="3700684" cy="4191001"/>
            <a:chOff x="4932040" y="2288315"/>
            <a:chExt cx="3700684" cy="4191001"/>
          </a:xfrm>
        </p:grpSpPr>
        <p:pic>
          <p:nvPicPr>
            <p:cNvPr id="4098" name="Picture 2" descr="Resultado de imagen de tablet"/>
            <p:cNvPicPr>
              <a:picLocks noChangeAspect="1" noChangeArrowheads="1"/>
            </p:cNvPicPr>
            <p:nvPr/>
          </p:nvPicPr>
          <p:blipFill rotWithShape="1">
            <a:blip r:embed="rId7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3056" r="25141"/>
            <a:stretch/>
          </p:blipFill>
          <p:spPr bwMode="auto">
            <a:xfrm>
              <a:off x="4932040" y="2288315"/>
              <a:ext cx="3700684" cy="41910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4099" name="Picture 3"/>
            <p:cNvPicPr>
              <a:picLocks noChangeAspect="1" noChangeArrowheads="1"/>
            </p:cNvPicPr>
            <p:nvPr/>
          </p:nvPicPr>
          <p:blipFill rotWithShape="1"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1719" t="13580" r="34140" b="3611"/>
            <a:stretch/>
          </p:blipFill>
          <p:spPr bwMode="auto">
            <a:xfrm>
              <a:off x="5807546" y="2701328"/>
              <a:ext cx="2083643" cy="3364973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  <p:pic>
        <p:nvPicPr>
          <p:cNvPr id="4101" name="Picture 5" descr="Resultado de imagen de boligrafo"/>
          <p:cNvPicPr>
            <a:picLocks noChangeAspect="1" noChangeArrowheads="1"/>
          </p:cNvPicPr>
          <p:nvPr/>
        </p:nvPicPr>
        <p:blipFill>
          <a:blip r:embed="rId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flipH="1">
            <a:off x="323528" y="3291399"/>
            <a:ext cx="1080120" cy="15841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3 Cheurón"/>
          <p:cNvSpPr/>
          <p:nvPr/>
        </p:nvSpPr>
        <p:spPr>
          <a:xfrm>
            <a:off x="4211960" y="3861048"/>
            <a:ext cx="864096" cy="1014527"/>
          </a:xfrm>
          <a:prstGeom prst="chevr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chemeClr val="tx1"/>
              </a:solidFill>
            </a:endParaRPr>
          </a:p>
        </p:txBody>
      </p:sp>
      <p:sp>
        <p:nvSpPr>
          <p:cNvPr id="19" name="18 Cheurón"/>
          <p:cNvSpPr/>
          <p:nvPr/>
        </p:nvSpPr>
        <p:spPr>
          <a:xfrm>
            <a:off x="4962897" y="3861048"/>
            <a:ext cx="864096" cy="1014527"/>
          </a:xfrm>
          <a:prstGeom prst="chevr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291551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467543" y="1412776"/>
            <a:ext cx="3816425" cy="1728192"/>
          </a:xfrm>
        </p:spPr>
        <p:txBody>
          <a:bodyPr>
            <a:noAutofit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Uniformidad e imagen corporativa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5362" name="Picture 2" descr="C:\Users\s003846\Documents\GESAIB\Innovación-Mejora-Proyectos\Jornadas y congresos\SEMES 2019\Fotos\IMG_1246.JPG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3881"/>
          <a:stretch/>
        </p:blipFill>
        <p:spPr bwMode="auto">
          <a:xfrm>
            <a:off x="4644008" y="995022"/>
            <a:ext cx="4032448" cy="58094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1 Título"/>
          <p:cNvSpPr txBox="1">
            <a:spLocks/>
          </p:cNvSpPr>
          <p:nvPr/>
        </p:nvSpPr>
        <p:spPr>
          <a:xfrm>
            <a:off x="494233" y="4149080"/>
            <a:ext cx="3816425" cy="1728192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750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dirty="0" smtClean="0">
                <a:solidFill>
                  <a:schemeClr val="accent2"/>
                </a:solidFill>
                <a:latin typeface="+mn-lt"/>
              </a:rPr>
              <a:t>Un equipo luce con orgullo y defiende siempre sus colores</a:t>
            </a:r>
            <a:endParaRPr lang="es-ES" dirty="0">
              <a:solidFill>
                <a:schemeClr val="accent2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3714132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 descr="Resultado de imagen de duda"/>
          <p:cNvPicPr>
            <a:picLocks noChangeAspect="1" noChangeArrowheads="1"/>
          </p:cNvPicPr>
          <p:nvPr/>
        </p:nvPicPr>
        <p:blipFill>
          <a:blip r:embed="rId2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40238" y="404664"/>
            <a:ext cx="2365698" cy="16129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07504" y="2060848"/>
            <a:ext cx="9036496" cy="576064"/>
          </a:xfrm>
        </p:spPr>
        <p:txBody>
          <a:bodyPr>
            <a:noAutofit/>
          </a:bodyPr>
          <a:lstStyle/>
          <a:p>
            <a:r>
              <a:rPr lang="es-ES_tradnl" sz="3200" b="1" dirty="0" smtClean="0">
                <a:solidFill>
                  <a:schemeClr val="tx2"/>
                </a:solidFill>
                <a:latin typeface="+mn-lt"/>
              </a:rPr>
              <a:t>¿Qué podía ofrecer como mejora hacia los pacientes el modelo de la gestión directa del servicio?</a:t>
            </a:r>
            <a:endParaRPr lang="es-ES" sz="3200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3" name="2 Diagrama"/>
          <p:cNvGraphicFramePr/>
          <p:nvPr>
            <p:extLst>
              <p:ext uri="{D42A27DB-BD31-4B8C-83A1-F6EECF244321}">
                <p14:modId xmlns:p14="http://schemas.microsoft.com/office/powerpoint/2010/main" val="2719693377"/>
              </p:ext>
            </p:extLst>
          </p:nvPr>
        </p:nvGraphicFramePr>
        <p:xfrm>
          <a:off x="539552" y="2794000"/>
          <a:ext cx="8064896" cy="40640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6" r:lo="rId7" r:qs="rId8" r:cs="rId9"/>
          </a:graphicData>
        </a:graphic>
      </p:graphicFrame>
      <p:sp>
        <p:nvSpPr>
          <p:cNvPr id="8" name="7 Llamada de nube"/>
          <p:cNvSpPr/>
          <p:nvPr/>
        </p:nvSpPr>
        <p:spPr>
          <a:xfrm>
            <a:off x="7465665" y="799091"/>
            <a:ext cx="1656184" cy="824121"/>
          </a:xfrm>
          <a:prstGeom prst="cloudCallout">
            <a:avLst>
              <a:gd name="adj1" fmla="val -96174"/>
              <a:gd name="adj2" fmla="val -62324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s-ES_tradnl" dirty="0" smtClean="0"/>
              <a:t>¿Y ahora que…?</a:t>
            </a:r>
            <a:endParaRPr lang="es-ES" dirty="0"/>
          </a:p>
        </p:txBody>
      </p:sp>
    </p:spTree>
    <p:extLst>
      <p:ext uri="{BB962C8B-B14F-4D97-AF65-F5344CB8AC3E}">
        <p14:creationId xmlns:p14="http://schemas.microsoft.com/office/powerpoint/2010/main" val="41754526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6" name="5 Diagrama"/>
          <p:cNvGraphicFramePr/>
          <p:nvPr>
            <p:extLst>
              <p:ext uri="{D42A27DB-BD31-4B8C-83A1-F6EECF244321}">
                <p14:modId xmlns:p14="http://schemas.microsoft.com/office/powerpoint/2010/main" val="45752586"/>
              </p:ext>
            </p:extLst>
          </p:nvPr>
        </p:nvGraphicFramePr>
        <p:xfrm>
          <a:off x="107504" y="995022"/>
          <a:ext cx="8928992" cy="5674338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5" r:lo="rId6" r:qs="rId7" r:cs="rId8"/>
          </a:graphicData>
        </a:graphic>
      </p:graphicFrame>
      <p:pic>
        <p:nvPicPr>
          <p:cNvPr id="7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8064" y="2492896"/>
            <a:ext cx="1152128" cy="6587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649447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760040" y="995022"/>
            <a:ext cx="7772400" cy="1470025"/>
          </a:xfrm>
        </p:spPr>
        <p:txBody>
          <a:bodyPr/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El papel del TES en</a:t>
            </a:r>
            <a:br>
              <a:rPr lang="es-ES_tradnl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GSAIB </a:t>
            </a: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/ SAMU061 </a:t>
            </a: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Baleares</a:t>
            </a:r>
            <a:endParaRPr lang="es-ES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3" name="Picture 2" descr="C:\Users\s003846\Documents\GESAIB\Innovación-Mejora-Proyectos\Gala salut\IMV Sant Llorenç\71BP.SAMU061AsistenciaSanitariaCatástrofeSantLlorenç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5696" y="2564904"/>
            <a:ext cx="5040560" cy="378042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5745935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Resultado de imagen de avanzar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0364" y="4869160"/>
            <a:ext cx="2857500" cy="1857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2492896"/>
            <a:ext cx="8304902" cy="576064"/>
          </a:xfrm>
          <a:solidFill>
            <a:schemeClr val="accent1"/>
          </a:solidFill>
        </p:spPr>
        <p:txBody>
          <a:bodyPr>
            <a:normAutofit fontScale="90000"/>
          </a:bodyPr>
          <a:lstStyle/>
          <a:p>
            <a:pPr algn="l"/>
            <a:r>
              <a:rPr lang="es-ES_tradnl" b="1" dirty="0" smtClean="0">
                <a:solidFill>
                  <a:schemeClr val="bg1"/>
                </a:solidFill>
                <a:latin typeface="+mn-lt"/>
              </a:rPr>
              <a:t>AR</a:t>
            </a:r>
            <a:r>
              <a:rPr lang="es-ES_tradnl" b="1" dirty="0" smtClean="0">
                <a:latin typeface="+mn-lt"/>
              </a:rPr>
              <a:t>RANQUE</a:t>
            </a:r>
            <a:endParaRPr lang="es-ES" b="1" dirty="0"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1 Título"/>
          <p:cNvSpPr txBox="1">
            <a:spLocks/>
          </p:cNvSpPr>
          <p:nvPr/>
        </p:nvSpPr>
        <p:spPr>
          <a:xfrm>
            <a:off x="539552" y="1313689"/>
            <a:ext cx="8294953" cy="819167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3600" b="1" dirty="0" smtClean="0">
                <a:solidFill>
                  <a:schemeClr val="tx2"/>
                </a:solidFill>
                <a:latin typeface="+mn-lt"/>
              </a:rPr>
              <a:t>ORGANIZACIÓN DEL PROYECTO</a:t>
            </a:r>
          </a:p>
          <a:p>
            <a:r>
              <a:rPr lang="es-ES_tradnl" sz="3600" b="1" dirty="0">
                <a:solidFill>
                  <a:schemeClr val="tx2"/>
                </a:solidFill>
              </a:rPr>
              <a:t>Patrón de trabajo: </a:t>
            </a:r>
            <a:r>
              <a:rPr lang="es-ES_tradnl" sz="3600" b="1" dirty="0" smtClean="0">
                <a:solidFill>
                  <a:schemeClr val="tx2"/>
                </a:solidFill>
              </a:rPr>
              <a:t>ARES-MEIN</a:t>
            </a:r>
            <a:endParaRPr lang="es-ES" sz="3600" b="1" dirty="0">
              <a:solidFill>
                <a:schemeClr val="tx2"/>
              </a:solidFill>
            </a:endParaRPr>
          </a:p>
        </p:txBody>
      </p:sp>
      <p:sp>
        <p:nvSpPr>
          <p:cNvPr id="8" name="1 Título"/>
          <p:cNvSpPr txBox="1">
            <a:spLocks/>
          </p:cNvSpPr>
          <p:nvPr/>
        </p:nvSpPr>
        <p:spPr>
          <a:xfrm>
            <a:off x="529603" y="3140968"/>
            <a:ext cx="8304902" cy="576064"/>
          </a:xfrm>
          <a:prstGeom prst="rect">
            <a:avLst/>
          </a:prstGeom>
          <a:solidFill>
            <a:schemeClr val="accent1"/>
          </a:solidFill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4000" b="1" dirty="0" smtClean="0">
                <a:solidFill>
                  <a:schemeClr val="bg1"/>
                </a:solidFill>
                <a:latin typeface="+mn-lt"/>
              </a:rPr>
              <a:t>ES</a:t>
            </a:r>
            <a:r>
              <a:rPr lang="es-ES_tradnl" sz="4000" b="1" dirty="0" smtClean="0">
                <a:latin typeface="+mn-lt"/>
              </a:rPr>
              <a:t>TABILIZACIÓN</a:t>
            </a:r>
            <a:endParaRPr lang="es-ES" sz="4000" b="1" dirty="0">
              <a:latin typeface="+mn-lt"/>
            </a:endParaRPr>
          </a:p>
        </p:txBody>
      </p:sp>
      <p:sp>
        <p:nvSpPr>
          <p:cNvPr id="9" name="1 Título"/>
          <p:cNvSpPr txBox="1">
            <a:spLocks/>
          </p:cNvSpPr>
          <p:nvPr/>
        </p:nvSpPr>
        <p:spPr>
          <a:xfrm>
            <a:off x="529603" y="3789040"/>
            <a:ext cx="8304902" cy="576064"/>
          </a:xfrm>
          <a:prstGeom prst="rect">
            <a:avLst/>
          </a:prstGeom>
          <a:solidFill>
            <a:schemeClr val="accent1"/>
          </a:solidFill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4000" b="1" dirty="0" smtClean="0">
                <a:solidFill>
                  <a:schemeClr val="bg1"/>
                </a:solidFill>
                <a:latin typeface="+mn-lt"/>
              </a:rPr>
              <a:t>ME</a:t>
            </a:r>
            <a:r>
              <a:rPr lang="es-ES_tradnl" sz="4000" b="1" dirty="0" smtClean="0">
                <a:latin typeface="+mn-lt"/>
              </a:rPr>
              <a:t>JORA</a:t>
            </a:r>
            <a:endParaRPr lang="es-ES" sz="4000" b="1" dirty="0">
              <a:latin typeface="+mn-lt"/>
            </a:endParaRPr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521641" y="4437112"/>
            <a:ext cx="8304902" cy="576064"/>
          </a:xfrm>
          <a:prstGeom prst="rect">
            <a:avLst/>
          </a:prstGeom>
          <a:solidFill>
            <a:schemeClr val="accent1"/>
          </a:solidFill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4000" b="1" dirty="0" smtClean="0">
                <a:solidFill>
                  <a:schemeClr val="bg1"/>
                </a:solidFill>
                <a:latin typeface="+mn-lt"/>
              </a:rPr>
              <a:t>IN</a:t>
            </a:r>
            <a:r>
              <a:rPr lang="es-ES_tradnl" sz="4000" b="1" dirty="0" smtClean="0">
                <a:latin typeface="+mn-lt"/>
              </a:rPr>
              <a:t>NOVACIÓN</a:t>
            </a:r>
            <a:endParaRPr lang="es-ES" sz="4000" b="1" dirty="0">
              <a:latin typeface="+mn-lt"/>
            </a:endParaRPr>
          </a:p>
        </p:txBody>
      </p:sp>
      <p:pic>
        <p:nvPicPr>
          <p:cNvPr id="12" name="Picture 3" descr="C:\Users\s003846\Desktop\Logos\SAMU 061.jpg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61390"/>
          <a:stretch/>
        </p:blipFill>
        <p:spPr bwMode="auto">
          <a:xfrm>
            <a:off x="3944030" y="5517232"/>
            <a:ext cx="967908" cy="10804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593322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39552" y="1340768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Operatividad del servicio: 1º objetivo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2204864"/>
            <a:ext cx="8683850" cy="230425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1 Título"/>
          <p:cNvSpPr txBox="1">
            <a:spLocks/>
          </p:cNvSpPr>
          <p:nvPr/>
        </p:nvSpPr>
        <p:spPr>
          <a:xfrm>
            <a:off x="0" y="5157192"/>
            <a:ext cx="9007378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El trabajo coordinado de todas las áreas y la colaboración necesaria de todos los profesionales: Responsables, TES y Operadores CCUM</a:t>
            </a:r>
          </a:p>
          <a:p>
            <a:r>
              <a:rPr lang="es-ES_tradnl" sz="3200" b="1" dirty="0" smtClean="0">
                <a:solidFill>
                  <a:schemeClr val="tx2"/>
                </a:solidFill>
                <a:latin typeface="+mn-lt"/>
              </a:rPr>
              <a:t>=</a:t>
            </a:r>
          </a:p>
          <a:p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Reducción del 54% de Inoperatividades unidades SAMU061</a:t>
            </a:r>
            <a:endParaRPr lang="es-ES" sz="2400" b="1" dirty="0">
              <a:solidFill>
                <a:schemeClr val="tx2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5221804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64914" y="1468388"/>
            <a:ext cx="9185796" cy="424976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" name="18 Flecha curvada hacia arriba"/>
          <p:cNvSpPr/>
          <p:nvPr/>
        </p:nvSpPr>
        <p:spPr>
          <a:xfrm>
            <a:off x="931213" y="5449019"/>
            <a:ext cx="6881147" cy="1076325"/>
          </a:xfrm>
          <a:prstGeom prst="curvedUpArrow">
            <a:avLst/>
          </a:prstGeom>
          <a:solidFill>
            <a:schemeClr val="accent1"/>
          </a:solidFill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910018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2201" y="802888"/>
            <a:ext cx="8921799" cy="5910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6679485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s003846\Documents\GESAIB\Innovación-Mejora-Proyectos\Jornadas y congresos\SEMES 2019\Fotos\IMG_1505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046"/>
          <a:stretch/>
        </p:blipFill>
        <p:spPr bwMode="auto">
          <a:xfrm>
            <a:off x="755576" y="4095073"/>
            <a:ext cx="2530987" cy="1907997"/>
          </a:xfrm>
          <a:prstGeom prst="rect">
            <a:avLst/>
          </a:prstGeom>
          <a:ln w="3175" cap="sq">
            <a:solidFill>
              <a:schemeClr val="accent1">
                <a:lumMod val="20000"/>
                <a:lumOff val="80000"/>
              </a:schemeClr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268760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Sobre todo en las condiciones más complicadas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7175" name="Picture 7" descr="C:\Users\s003846\Documents\GESAIB\Innovación-Mejora-Proyectos\Gala salut\IMV Sant Llorenç\IMG_9659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47664" y="3926506"/>
            <a:ext cx="2768752" cy="2076564"/>
          </a:xfrm>
          <a:prstGeom prst="rect">
            <a:avLst/>
          </a:prstGeom>
          <a:ln w="3175" cap="sq">
            <a:solidFill>
              <a:schemeClr val="accent1">
                <a:lumMod val="20000"/>
                <a:lumOff val="80000"/>
              </a:schemeClr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0" name="Picture 2" descr="C:\Users\s003846\Documents\GESAIB\Innovación-Mejora-Proyectos\Jornadas y congresos\SEMES 2019\Fotos\PHOTO-2018-12-10-10-54-20[1]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6137" y="2204864"/>
            <a:ext cx="2520279" cy="1890209"/>
          </a:xfrm>
          <a:prstGeom prst="rect">
            <a:avLst/>
          </a:prstGeom>
          <a:ln w="3175" cap="sq">
            <a:solidFill>
              <a:schemeClr val="accent1">
                <a:lumMod val="20000"/>
                <a:lumOff val="80000"/>
              </a:schemeClr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2" name="Picture 4" descr="C:\Users\s003846\Documents\GESAIB\Innovación-Mejora-Proyectos\Gala salut\IMV Sant Llorenç\IMG_9628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2204864"/>
            <a:ext cx="2520280" cy="1890210"/>
          </a:xfrm>
          <a:prstGeom prst="rect">
            <a:avLst/>
          </a:prstGeom>
          <a:ln w="3175" cap="sq">
            <a:solidFill>
              <a:schemeClr val="accent1">
                <a:lumMod val="20000"/>
                <a:lumOff val="80000"/>
              </a:schemeClr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1" name="Picture 3" descr="C:\Users\s003846\Documents\GESAIB\Innovación-Mejora-Proyectos\Jornadas y congresos\SEMES 2019\Fotos\PHOTO-2018-12-10-10-54-16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89048" y="3638474"/>
            <a:ext cx="2258616" cy="3011488"/>
          </a:xfrm>
          <a:prstGeom prst="rect">
            <a:avLst/>
          </a:prstGeom>
          <a:ln w="3175" cap="sq">
            <a:solidFill>
              <a:schemeClr val="accent1">
                <a:lumMod val="20000"/>
                <a:lumOff val="80000"/>
              </a:schemeClr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4" name="Picture 6" descr="C:\Users\s003846\Documents\GESAIB\Innovación-Mejora-Proyectos\Gala salut\IMV Sant Llorenç\IMG_9643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75857" y="2204864"/>
            <a:ext cx="2520280" cy="1890210"/>
          </a:xfrm>
          <a:prstGeom prst="rect">
            <a:avLst/>
          </a:prstGeom>
          <a:ln w="3175" cap="sq">
            <a:solidFill>
              <a:schemeClr val="accent1">
                <a:lumMod val="20000"/>
                <a:lumOff val="80000"/>
              </a:schemeClr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5" name="Picture 4" descr="C:\Users\s003846\Desktop\Logos\GSAIB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069741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412776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Mejora de los turnos de guardia para TES y Operadores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1 Título"/>
          <p:cNvSpPr txBox="1">
            <a:spLocks/>
          </p:cNvSpPr>
          <p:nvPr/>
        </p:nvSpPr>
        <p:spPr>
          <a:xfrm>
            <a:off x="335854" y="2502759"/>
            <a:ext cx="8074845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3200" b="1" dirty="0" smtClean="0">
                <a:solidFill>
                  <a:schemeClr val="tx2"/>
                </a:solidFill>
                <a:latin typeface="+mn-lt"/>
              </a:rPr>
              <a:t>Demanda histórica en el colectivo profesional</a:t>
            </a:r>
            <a:endParaRPr lang="es-ES" sz="2400" b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3" name="AutoShape 2" descr="Resultado de imagen de paciente icono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4" name="AutoShape 4" descr="Resultado de imagen de paciente icono"/>
          <p:cNvSpPr>
            <a:spLocks noChangeAspect="1" noChangeArrowheads="1"/>
          </p:cNvSpPr>
          <p:nvPr/>
        </p:nvSpPr>
        <p:spPr bwMode="auto">
          <a:xfrm>
            <a:off x="307975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5" name="AutoShape 6" descr="Paciente icono gratis"/>
          <p:cNvSpPr>
            <a:spLocks noChangeAspect="1" noChangeArrowheads="1"/>
          </p:cNvSpPr>
          <p:nvPr/>
        </p:nvSpPr>
        <p:spPr bwMode="auto">
          <a:xfrm>
            <a:off x="460375" y="1603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2050" name="Picture 2" descr="C:\Users\s003846\Documents\GESAIB\Innovación-Mejora-Proyectos\Jornadas y congresos\SEMES 2019\Fotos\IMG_1702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colorTemperature colorTemp="88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76993" y="3212976"/>
            <a:ext cx="5101982" cy="341992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1188876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AutoShape 2" descr="Resultado de imagen de paciente icono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4" name="AutoShape 4" descr="Resultado de imagen de paciente icono"/>
          <p:cNvSpPr>
            <a:spLocks noChangeAspect="1" noChangeArrowheads="1"/>
          </p:cNvSpPr>
          <p:nvPr/>
        </p:nvSpPr>
        <p:spPr bwMode="auto">
          <a:xfrm>
            <a:off x="307975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5" name="AutoShape 6" descr="Paciente icono gratis"/>
          <p:cNvSpPr>
            <a:spLocks noChangeAspect="1" noChangeArrowheads="1"/>
          </p:cNvSpPr>
          <p:nvPr/>
        </p:nvSpPr>
        <p:spPr bwMode="auto">
          <a:xfrm>
            <a:off x="460375" y="1603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5575" y="995022"/>
            <a:ext cx="9096945" cy="562203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5211909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412776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Rotación de vehículos en circuitos de logística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6" name="5 Grupo"/>
          <p:cNvGrpSpPr/>
          <p:nvPr/>
        </p:nvGrpSpPr>
        <p:grpSpPr>
          <a:xfrm>
            <a:off x="683568" y="5113815"/>
            <a:ext cx="2815999" cy="1728497"/>
            <a:chOff x="1794338" y="4049084"/>
            <a:chExt cx="4100472" cy="2696940"/>
          </a:xfrm>
        </p:grpSpPr>
        <p:pic>
          <p:nvPicPr>
            <p:cNvPr id="7" name="Picture 3" descr="\\scpdps061fs01v\userdata$\s003846\Mis documentos\Calidad 2009\fotos 2009\Recursos SAMU-061\Nueva flota SAMU061 2018\IMG_7867.JP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BEBA8EAE-BF5A-486C-A8C5-ECC9F3942E4B}">
                  <a14:imgProps xmlns:a14="http://schemas.microsoft.com/office/drawing/2010/main">
                    <a14:imgLayer r:embed="rId6">
                      <a14:imgEffect>
                        <a14:backgroundRemoval t="10000" b="90000" l="10000" r="9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150517">
              <a:off x="1794338" y="4049084"/>
              <a:ext cx="4043387" cy="269694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8" name="Picture 3" descr="C:\Users\s003846\AppData\Local\Microsoft\Windows\Temporary Internet Files\Content.IE5\8JT3U8MB\efectos,luz,clipart_(12)[1].png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flipH="1">
              <a:off x="2316474" y="4291375"/>
              <a:ext cx="1499557" cy="105577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9" name="Picture 3" descr="C:\Users\s003846\AppData\Local\Microsoft\Windows\Temporary Internet Files\Content.IE5\8JT3U8MB\efectos,luz,clipart_(12)[1].png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flipH="1">
              <a:off x="4395253" y="4149080"/>
              <a:ext cx="1499557" cy="105577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" name="Picture 3" descr="C:\Users\s003846\AppData\Local\Microsoft\Windows\Temporary Internet Files\Content.IE5\8JT3U8MB\efectos,luz,clipart_(12)[1].png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flipH="1">
              <a:off x="3707904" y="4294224"/>
              <a:ext cx="889209" cy="62605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1" name="Picture 2" descr="Imagen relacionada"/>
          <p:cNvPicPr>
            <a:picLocks noChangeAspect="1" noChangeArrowheads="1"/>
          </p:cNvPicPr>
          <p:nvPr/>
        </p:nvPicPr>
        <p:blipFill rotWithShape="1">
          <a:blip r:embed="rId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706" b="12146"/>
          <a:stretch/>
        </p:blipFill>
        <p:spPr bwMode="auto">
          <a:xfrm>
            <a:off x="5944909" y="3645024"/>
            <a:ext cx="1252434" cy="9227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4" descr="Resultado de imagen de check list"/>
          <p:cNvPicPr>
            <a:picLocks noChangeAspect="1" noChangeArrowheads="1"/>
          </p:cNvPicPr>
          <p:nvPr/>
        </p:nvPicPr>
        <p:blipFill>
          <a:blip r:embed="rId10" cstate="print">
            <a:clrChange>
              <a:clrFrom>
                <a:srgbClr val="FEFEFE"/>
              </a:clrFrom>
              <a:clrTo>
                <a:srgbClr val="FEFEFE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flipH="1">
            <a:off x="1859321" y="4547734"/>
            <a:ext cx="979793" cy="5066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6" descr="Resultado de imagen de revisiÃ³n"/>
          <p:cNvPicPr>
            <a:picLocks noChangeAspect="1" noChangeArrowheads="1"/>
          </p:cNvPicPr>
          <p:nvPr/>
        </p:nvPicPr>
        <p:blipFill rotWithShape="1">
          <a:blip r:embed="rId11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675"/>
          <a:stretch/>
        </p:blipFill>
        <p:spPr bwMode="auto">
          <a:xfrm>
            <a:off x="501112" y="4297158"/>
            <a:ext cx="1342272" cy="11743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1 Título"/>
          <p:cNvSpPr txBox="1">
            <a:spLocks/>
          </p:cNvSpPr>
          <p:nvPr/>
        </p:nvSpPr>
        <p:spPr>
          <a:xfrm>
            <a:off x="335854" y="2502759"/>
            <a:ext cx="8074845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3600" b="1" dirty="0" smtClean="0">
                <a:solidFill>
                  <a:schemeClr val="tx2"/>
                </a:solidFill>
                <a:latin typeface="+mn-lt"/>
              </a:rPr>
              <a:t>650</a:t>
            </a:r>
            <a:r>
              <a:rPr lang="es-ES_tradnl" sz="2800" b="1" dirty="0" smtClean="0">
                <a:solidFill>
                  <a:schemeClr val="tx2"/>
                </a:solidFill>
                <a:latin typeface="+mn-lt"/>
              </a:rPr>
              <a:t> rotaciones de vehículos anuales</a:t>
            </a:r>
          </a:p>
          <a:p>
            <a:r>
              <a:rPr lang="es-ES_tradnl" sz="3600" b="1" dirty="0" smtClean="0">
                <a:solidFill>
                  <a:schemeClr val="tx2"/>
                </a:solidFill>
                <a:latin typeface="+mn-lt"/>
              </a:rPr>
              <a:t>53</a:t>
            </a:r>
            <a:r>
              <a:rPr lang="es-ES_tradnl" sz="2800" b="1" dirty="0" smtClean="0">
                <a:solidFill>
                  <a:schemeClr val="tx2"/>
                </a:solidFill>
                <a:latin typeface="+mn-lt"/>
              </a:rPr>
              <a:t> rotaciones mensuales</a:t>
            </a:r>
            <a:endParaRPr lang="es-ES" sz="2800" b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15" name="1 Título"/>
          <p:cNvSpPr txBox="1">
            <a:spLocks/>
          </p:cNvSpPr>
          <p:nvPr/>
        </p:nvSpPr>
        <p:spPr>
          <a:xfrm>
            <a:off x="68305" y="3853014"/>
            <a:ext cx="4469471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Vehículos en óptimas condiciones</a:t>
            </a:r>
            <a:endParaRPr lang="es-ES" sz="2000" b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16" name="1 Título"/>
          <p:cNvSpPr txBox="1">
            <a:spLocks/>
          </p:cNvSpPr>
          <p:nvPr/>
        </p:nvSpPr>
        <p:spPr>
          <a:xfrm>
            <a:off x="4336391" y="4433743"/>
            <a:ext cx="4469471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Medio asistencial limpio y desinfectado</a:t>
            </a:r>
            <a:endParaRPr lang="es-ES" sz="2000" b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17" name="1 Título"/>
          <p:cNvSpPr txBox="1">
            <a:spLocks/>
          </p:cNvSpPr>
          <p:nvPr/>
        </p:nvSpPr>
        <p:spPr>
          <a:xfrm>
            <a:off x="4365034" y="6165304"/>
            <a:ext cx="4469471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Mayor seguridad clínica para el paciente</a:t>
            </a:r>
            <a:endParaRPr lang="es-ES" sz="2000" b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3" name="AutoShape 2" descr="Resultado de imagen de paciente icono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4" name="AutoShape 4" descr="Resultado de imagen de paciente icono"/>
          <p:cNvSpPr>
            <a:spLocks noChangeAspect="1" noChangeArrowheads="1"/>
          </p:cNvSpPr>
          <p:nvPr/>
        </p:nvSpPr>
        <p:spPr bwMode="auto">
          <a:xfrm>
            <a:off x="307975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5" name="AutoShape 6" descr="Paciente icono gratis"/>
          <p:cNvSpPr>
            <a:spLocks noChangeAspect="1" noChangeArrowheads="1"/>
          </p:cNvSpPr>
          <p:nvPr/>
        </p:nvSpPr>
        <p:spPr bwMode="auto">
          <a:xfrm>
            <a:off x="460375" y="1603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9224" name="Picture 8" descr="Imagen relacionada"/>
          <p:cNvPicPr>
            <a:picLocks noChangeAspect="1" noChangeArrowheads="1"/>
          </p:cNvPicPr>
          <p:nvPr/>
        </p:nvPicPr>
        <p:blipFill>
          <a:blip r:embed="rId12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78005" y="4969302"/>
            <a:ext cx="1443528" cy="14435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856210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196752"/>
            <a:ext cx="8074845" cy="576064"/>
          </a:xfrm>
        </p:spPr>
        <p:txBody>
          <a:bodyPr>
            <a:noAutofit/>
          </a:bodyPr>
          <a:lstStyle/>
          <a:p>
            <a:r>
              <a:rPr lang="es-ES_tradnl" sz="3200" b="1" dirty="0" smtClean="0">
                <a:solidFill>
                  <a:schemeClr val="tx2"/>
                </a:solidFill>
                <a:latin typeface="+mn-lt"/>
              </a:rPr>
              <a:t>Probar nuevos equipamientos y mejoras ergonómicas para nuestros profesionales</a:t>
            </a:r>
            <a:endParaRPr lang="es-ES" sz="3200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07171" y="401985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2" descr="C:\Users\s003846\Desktop\Logos\Conselleria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116632"/>
            <a:ext cx="1099667" cy="10505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0" name="Picture 2" descr="C:\Users\s003846\Documents\GESAIB\Innovación-Mejora-Proyectos\Jornadas y congresos\SEMES 2019\Fotos\IMG_1836.jpg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462"/>
          <a:stretch/>
        </p:blipFill>
        <p:spPr bwMode="auto">
          <a:xfrm>
            <a:off x="5008513" y="4117386"/>
            <a:ext cx="2731839" cy="2452631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2051" name="Picture 3" descr="C:\Users\s003846\Documents\GESAIB\Innovación-Mejora-Proyectos\Jornadas y congresos\SEMES 2019\Fotos\IMG_1834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14615" y="1988840"/>
            <a:ext cx="2725737" cy="204430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2052" name="Picture 4" descr="C:\Users\s003846\Documents\GESAIB\Innovación-Mejora-Proyectos\Jornadas y congresos\SEMES 2019\Fotos\IMG_1835.jpg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colorTemperature colorTemp="88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1031" y="1988840"/>
            <a:ext cx="3435884" cy="458117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5051909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700808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Gestión cualitativa de profesionales</a:t>
            </a:r>
            <a:br>
              <a:rPr lang="es-ES_tradnl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TES y Operadores/Gestores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3568" y="2731498"/>
            <a:ext cx="7848872" cy="3788791"/>
          </a:xfrm>
          <a:prstGeom prst="rect">
            <a:avLst/>
          </a:prstGeom>
          <a:ln>
            <a:noFill/>
          </a:ln>
          <a:effectLst>
            <a:outerShdw dist="35921" dir="2700000" algn="ctr" rotWithShape="0">
              <a:schemeClr val="bg2"/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1258706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628800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Descripción del Servicio SAMU061 Baleares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3"/>
          <p:cNvPicPr>
            <a:picLocks noChangeAspect="1" noChangeArrowheads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323528" y="2924944"/>
            <a:ext cx="8643938" cy="3149600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3284421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268760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Comunicación fluida y accesible:</a:t>
            </a:r>
            <a:br>
              <a:rPr lang="es-ES_tradnl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Intranet y Correo Corporativo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266" name="Picture 2"/>
          <p:cNvPicPr>
            <a:picLocks noChangeAspect="1" noChangeArrowheads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1" t="8717" r="8998" b="5185"/>
          <a:stretch/>
        </p:blipFill>
        <p:spPr bwMode="auto">
          <a:xfrm>
            <a:off x="75869" y="2348880"/>
            <a:ext cx="6174648" cy="328602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267" name="Picture 3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919" r="58968" b="3616"/>
          <a:stretch/>
        </p:blipFill>
        <p:spPr bwMode="auto">
          <a:xfrm>
            <a:off x="6468752" y="2348881"/>
            <a:ext cx="2493751" cy="302433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268" name="Picture 4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97" t="12524" r="36190" b="41288"/>
          <a:stretch/>
        </p:blipFill>
        <p:spPr bwMode="auto">
          <a:xfrm>
            <a:off x="4854825" y="5157192"/>
            <a:ext cx="1517375" cy="138748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96356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268760"/>
            <a:ext cx="8074845" cy="576064"/>
          </a:xfrm>
        </p:spPr>
        <p:txBody>
          <a:bodyPr>
            <a:noAutofit/>
          </a:bodyPr>
          <a:lstStyle/>
          <a:p>
            <a:r>
              <a:rPr lang="es-ES_tradnl" sz="3600" b="1" dirty="0" smtClean="0">
                <a:solidFill>
                  <a:schemeClr val="tx2"/>
                </a:solidFill>
                <a:latin typeface="+mn-lt"/>
              </a:rPr>
              <a:t>Comunicación fluida y accesible 2.0:</a:t>
            </a:r>
            <a:br>
              <a:rPr lang="es-ES_tradnl" sz="3600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sz="3600" b="1" dirty="0" smtClean="0">
                <a:solidFill>
                  <a:schemeClr val="tx2"/>
                </a:solidFill>
                <a:latin typeface="+mn-lt"/>
              </a:rPr>
              <a:t>Infografías y comunicaciones breves</a:t>
            </a:r>
            <a:endParaRPr lang="es-ES" sz="3600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3" name="2 Grupo"/>
          <p:cNvGrpSpPr/>
          <p:nvPr/>
        </p:nvGrpSpPr>
        <p:grpSpPr>
          <a:xfrm>
            <a:off x="107504" y="4392488"/>
            <a:ext cx="3419872" cy="2564904"/>
            <a:chOff x="0" y="3470248"/>
            <a:chExt cx="4792030" cy="3387752"/>
          </a:xfrm>
        </p:grpSpPr>
        <p:pic>
          <p:nvPicPr>
            <p:cNvPr id="12290" name="Picture 2" descr="Resultado de imagen de telÃ©fono movil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0" y="3470248"/>
              <a:ext cx="4792030" cy="338775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2291" name="Picture 3" descr="C:\Users\s003846\Documents\GESAIB\Protocolos\Info puntual\Tetra uso comunicaciones - datos positivos.pn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475656" y="3573016"/>
              <a:ext cx="1756651" cy="2880320"/>
            </a:xfrm>
            <a:prstGeom prst="rect">
              <a:avLst/>
            </a:prstGeom>
            <a:noFill/>
            <a:scene3d>
              <a:camera prst="isometricTopUp">
                <a:rot lat="19756289" lon="19516954" rev="3262992"/>
              </a:camera>
              <a:lightRig rig="threePt" dir="t"/>
            </a:scene3d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4" name="3 Llamada rectangular redondeada"/>
          <p:cNvSpPr/>
          <p:nvPr/>
        </p:nvSpPr>
        <p:spPr>
          <a:xfrm>
            <a:off x="2951312" y="2232248"/>
            <a:ext cx="5581128" cy="3442692"/>
          </a:xfrm>
          <a:prstGeom prst="wedgeRoundRectCallout">
            <a:avLst>
              <a:gd name="adj1" fmla="val -58394"/>
              <a:gd name="adj2" fmla="val 39195"/>
              <a:gd name="adj3" fmla="val 16667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pic>
        <p:nvPicPr>
          <p:cNvPr id="12292" name="Picture 4" descr="C:\Users\s003846\Documents\GESAIB\Protocolos\Info puntual\Limpieza, revisión de vehículos.jp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92770" y="2373735"/>
            <a:ext cx="5130662" cy="3170881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14" name="1 Título"/>
          <p:cNvSpPr txBox="1">
            <a:spLocks/>
          </p:cNvSpPr>
          <p:nvPr/>
        </p:nvSpPr>
        <p:spPr>
          <a:xfrm>
            <a:off x="-21009" y="2085702"/>
            <a:ext cx="2864818" cy="2306785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975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571500" indent="-571500" algn="l">
              <a:buFont typeface="Arial" pitchFamily="34" charset="0"/>
              <a:buChar char="•"/>
            </a:pPr>
            <a:r>
              <a:rPr lang="es-ES_tradnl" sz="1800" dirty="0" smtClean="0">
                <a:latin typeface="+mn-lt"/>
              </a:rPr>
              <a:t>Recordatorios generales</a:t>
            </a:r>
          </a:p>
          <a:p>
            <a:pPr marL="571500" indent="-571500" algn="l">
              <a:buFont typeface="Arial" pitchFamily="34" charset="0"/>
              <a:buChar char="•"/>
            </a:pPr>
            <a:r>
              <a:rPr lang="es-ES_tradnl" sz="1800" dirty="0" smtClean="0">
                <a:latin typeface="+mn-lt"/>
              </a:rPr>
              <a:t>Cortes calles/carreteras</a:t>
            </a:r>
          </a:p>
          <a:p>
            <a:pPr marL="571500" indent="-571500" algn="l">
              <a:buFont typeface="Arial" pitchFamily="34" charset="0"/>
              <a:buChar char="•"/>
            </a:pPr>
            <a:r>
              <a:rPr lang="es-ES_tradnl" sz="1800" dirty="0" smtClean="0">
                <a:latin typeface="+mn-lt"/>
              </a:rPr>
              <a:t>Difusión información profesional</a:t>
            </a:r>
          </a:p>
          <a:p>
            <a:pPr marL="571500" indent="-571500" algn="l">
              <a:buFont typeface="Arial" pitchFamily="34" charset="0"/>
              <a:buChar char="•"/>
            </a:pPr>
            <a:r>
              <a:rPr lang="es-ES_tradnl" sz="1800" dirty="0" smtClean="0">
                <a:latin typeface="+mn-lt"/>
              </a:rPr>
              <a:t>Sesiones y Jornadas</a:t>
            </a:r>
            <a:endParaRPr lang="es-ES" sz="180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30006262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196752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Formación y entrenamiento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386" name="Picture 2" descr="C:\Users\s003846\AppData\Local\Microsoft\Windows\Temporary Internet Files\Content.IE5\XC1I10T9\d08d64e6-2397-4b89-9ac2-94196e424ce9.JPG"/>
          <p:cNvPicPr>
            <a:picLocks noChangeAspect="1" noChangeArrowheads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864" t="26239" b="13441"/>
          <a:stretch/>
        </p:blipFill>
        <p:spPr bwMode="auto">
          <a:xfrm>
            <a:off x="378024" y="1946557"/>
            <a:ext cx="3243014" cy="1526114"/>
          </a:xfrm>
          <a:prstGeom prst="rect">
            <a:avLst/>
          </a:prstGeom>
          <a:noFill/>
          <a:ln w="28575">
            <a:solidFill>
              <a:schemeClr val="bg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389" name="Picture 5" descr="C:\Users\s003846\Documents\GESAIB\Innovación-Mejora-Proyectos\Gala salut\Formación IMV\IMG_9435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rightnessContrast bright="4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8144" y="1916832"/>
            <a:ext cx="3024336" cy="1560159"/>
          </a:xfrm>
          <a:prstGeom prst="rect">
            <a:avLst/>
          </a:prstGeom>
          <a:noFill/>
          <a:ln w="28575">
            <a:solidFill>
              <a:schemeClr val="bg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4" name="Picture 2" descr="C:\Users\s003846\Documents\GESAIB\Innovación-Mejora-Proyectos\Jornadas y congresos\SEMES 2019\Fotos\PHOTO-2019-05-09-11-34-08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1038" y="1935199"/>
            <a:ext cx="2247106" cy="1617916"/>
          </a:xfrm>
          <a:prstGeom prst="rect">
            <a:avLst/>
          </a:prstGeom>
          <a:noFill/>
          <a:ln w="28575">
            <a:solidFill>
              <a:schemeClr val="bg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387" name="Picture 3" descr="C:\Users\s003846\Documents\GESAIB\Innovación-Mejora-Proyectos\Gala salut\Formación IMV\IMG_9536.jpg"/>
          <p:cNvPicPr>
            <a:picLocks noChangeAspect="1" noChangeArrowheads="1"/>
          </p:cNvPicPr>
          <p:nvPr/>
        </p:nvPicPr>
        <p:blipFill rotWithShape="1">
          <a:blip r:embed="rId9" cstate="print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rightnessContrast bright="20000"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26274" b="18595"/>
          <a:stretch/>
        </p:blipFill>
        <p:spPr bwMode="auto">
          <a:xfrm>
            <a:off x="378024" y="3472671"/>
            <a:ext cx="8540656" cy="2086114"/>
          </a:xfrm>
          <a:prstGeom prst="rect">
            <a:avLst/>
          </a:prstGeom>
          <a:noFill/>
          <a:ln w="28575">
            <a:solidFill>
              <a:schemeClr val="bg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1 Título"/>
          <p:cNvSpPr txBox="1">
            <a:spLocks/>
          </p:cNvSpPr>
          <p:nvPr/>
        </p:nvSpPr>
        <p:spPr>
          <a:xfrm>
            <a:off x="378024" y="5949280"/>
            <a:ext cx="8540655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Certificación </a:t>
            </a:r>
            <a:r>
              <a:rPr lang="es-ES_tradnl" sz="2000" b="1" dirty="0">
                <a:solidFill>
                  <a:schemeClr val="tx2"/>
                </a:solidFill>
              </a:rPr>
              <a:t>TES y Operadores </a:t>
            </a:r>
            <a:r>
              <a:rPr lang="es-ES_tradnl" sz="2000" b="1" dirty="0">
                <a:solidFill>
                  <a:schemeClr val="tx2"/>
                </a:solidFill>
                <a:latin typeface="+mn-lt"/>
              </a:rPr>
              <a:t> </a:t>
            </a: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+ de </a:t>
            </a: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6.800 </a:t>
            </a: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horas a realizadas en </a:t>
            </a: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40 </a:t>
            </a: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acciones formativas y sesiones conjuntas con SAMU061</a:t>
            </a:r>
            <a:endParaRPr lang="es-ES" sz="2000" b="1" dirty="0">
              <a:solidFill>
                <a:schemeClr val="tx2"/>
              </a:solidFill>
              <a:latin typeface="+mn-lt"/>
            </a:endParaRPr>
          </a:p>
        </p:txBody>
      </p:sp>
      <p:grpSp>
        <p:nvGrpSpPr>
          <p:cNvPr id="11" name="10 Grupo"/>
          <p:cNvGrpSpPr/>
          <p:nvPr/>
        </p:nvGrpSpPr>
        <p:grpSpPr>
          <a:xfrm>
            <a:off x="6516216" y="1196752"/>
            <a:ext cx="3044850" cy="2613975"/>
            <a:chOff x="-273050" y="-228493"/>
            <a:chExt cx="2959100" cy="2959100"/>
          </a:xfrm>
        </p:grpSpPr>
        <p:pic>
          <p:nvPicPr>
            <p:cNvPr id="12" name="Picture 4" descr="Resultado de imagen de post it"/>
            <p:cNvPicPr>
              <a:picLocks noChangeAspect="1" noChangeArrowheads="1"/>
            </p:cNvPicPr>
            <p:nvPr/>
          </p:nvPicPr>
          <p:blipFill>
            <a:blip r:embed="rId11">
              <a:clrChange>
                <a:clrFrom>
                  <a:srgbClr val="FEFEFE"/>
                </a:clrFrom>
                <a:clrTo>
                  <a:srgbClr val="FEFEFE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-273050" y="-228493"/>
              <a:ext cx="2959100" cy="29591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3" name="12 CuadroTexto"/>
            <p:cNvSpPr txBox="1"/>
            <p:nvPr/>
          </p:nvSpPr>
          <p:spPr>
            <a:xfrm rot="21402191">
              <a:off x="173380" y="498808"/>
              <a:ext cx="2084146" cy="156966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s-ES_tradnl" sz="2400" dirty="0" smtClean="0">
                  <a:solidFill>
                    <a:srgbClr val="FF0000"/>
                  </a:solidFill>
                  <a:latin typeface="Freestyle Script" pitchFamily="66" charset="0"/>
                </a:rPr>
                <a:t>+</a:t>
              </a:r>
              <a:r>
                <a:rPr lang="es-ES_tradnl" sz="2400" dirty="0" smtClean="0">
                  <a:latin typeface="Freestyle Script" pitchFamily="66" charset="0"/>
                </a:rPr>
                <a:t> FBI a nuevos TES</a:t>
              </a:r>
            </a:p>
            <a:p>
              <a:endParaRPr lang="es-ES_tradnl" sz="2400" dirty="0" smtClean="0">
                <a:latin typeface="Freestyle Script" pitchFamily="66" charset="0"/>
              </a:endParaRPr>
            </a:p>
            <a:p>
              <a:r>
                <a:rPr lang="es-ES_tradnl" sz="2400" dirty="0" smtClean="0">
                  <a:solidFill>
                    <a:srgbClr val="FF0000"/>
                  </a:solidFill>
                  <a:latin typeface="Freestyle Script" pitchFamily="66" charset="0"/>
                </a:rPr>
                <a:t>+</a:t>
              </a:r>
              <a:r>
                <a:rPr lang="es-ES_tradnl" sz="2400" dirty="0" smtClean="0">
                  <a:latin typeface="Freestyle Script" pitchFamily="66" charset="0"/>
                </a:rPr>
                <a:t> Formación nuevos Operadores061/TES</a:t>
              </a:r>
              <a:endParaRPr lang="es-ES" sz="2400" dirty="0">
                <a:latin typeface="Freestyle Script" pitchFamily="66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89511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462" name="Picture 6" descr="Imagen relacionada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DFDFD"/>
              </a:clrFrom>
              <a:clrTo>
                <a:srgbClr val="FDFDFD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4336315">
            <a:off x="2487840" y="2773717"/>
            <a:ext cx="1568039" cy="15680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79512" y="1268760"/>
            <a:ext cx="87849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Participación en Grupos de trabajo Multidisciplinares SAMU061:</a:t>
            </a:r>
            <a:endParaRPr lang="es-ES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458" name="Picture 2" descr="C:\Users\s003846\AppData\Local\Microsoft\Windows\Temporary Internet Files\Content.IE5\XC1I10T9\PHOTO-2019-04-27-13-13-16.jpg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31557" b="10669"/>
          <a:stretch/>
        </p:blipFill>
        <p:spPr bwMode="auto">
          <a:xfrm>
            <a:off x="4013593" y="2657872"/>
            <a:ext cx="4819349" cy="208823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7" name="1 Título"/>
          <p:cNvSpPr txBox="1">
            <a:spLocks/>
          </p:cNvSpPr>
          <p:nvPr/>
        </p:nvSpPr>
        <p:spPr>
          <a:xfrm>
            <a:off x="323528" y="4869160"/>
            <a:ext cx="8784976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800" dirty="0" smtClean="0">
                <a:solidFill>
                  <a:schemeClr val="tx2"/>
                </a:solidFill>
                <a:latin typeface="+mn-lt"/>
              </a:rPr>
              <a:t>ICTUS</a:t>
            </a:r>
            <a:br>
              <a:rPr lang="es-ES_tradnl" sz="2800" dirty="0" smtClean="0">
                <a:solidFill>
                  <a:schemeClr val="tx2"/>
                </a:solidFill>
                <a:latin typeface="+mn-lt"/>
              </a:rPr>
            </a:br>
            <a:r>
              <a:rPr lang="es-ES_tradnl" sz="2800" dirty="0" smtClean="0">
                <a:solidFill>
                  <a:schemeClr val="tx2"/>
                </a:solidFill>
                <a:latin typeface="+mn-lt"/>
              </a:rPr>
              <a:t>Ecografía</a:t>
            </a:r>
            <a:br>
              <a:rPr lang="es-ES_tradnl" sz="2800" dirty="0" smtClean="0">
                <a:solidFill>
                  <a:schemeClr val="tx2"/>
                </a:solidFill>
                <a:latin typeface="+mn-lt"/>
              </a:rPr>
            </a:br>
            <a:r>
              <a:rPr lang="es-ES_tradnl" sz="2800" dirty="0" smtClean="0">
                <a:solidFill>
                  <a:schemeClr val="tx2"/>
                </a:solidFill>
                <a:latin typeface="+mn-lt"/>
              </a:rPr>
              <a:t>Catástrofes e IMV</a:t>
            </a:r>
            <a:br>
              <a:rPr lang="es-ES_tradnl" sz="2800" dirty="0" smtClean="0">
                <a:solidFill>
                  <a:schemeClr val="tx2"/>
                </a:solidFill>
                <a:latin typeface="+mn-lt"/>
              </a:rPr>
            </a:br>
            <a:r>
              <a:rPr lang="es-ES_tradnl" sz="2800" dirty="0" smtClean="0">
                <a:solidFill>
                  <a:schemeClr val="tx2"/>
                </a:solidFill>
                <a:latin typeface="+mn-lt"/>
              </a:rPr>
              <a:t>Historia Clínica Embarcada</a:t>
            </a:r>
          </a:p>
          <a:p>
            <a:pPr algn="l"/>
            <a:r>
              <a:rPr lang="es-ES_tradnl" sz="2800" dirty="0" smtClean="0">
                <a:solidFill>
                  <a:schemeClr val="tx2"/>
                </a:solidFill>
                <a:latin typeface="+mn-lt"/>
              </a:rPr>
              <a:t>Atención al Paciente Suicida</a:t>
            </a:r>
          </a:p>
          <a:p>
            <a:pPr algn="l"/>
            <a:r>
              <a:rPr lang="es-ES_tradnl" sz="2800" dirty="0">
                <a:solidFill>
                  <a:schemeClr val="tx2"/>
                </a:solidFill>
              </a:rPr>
              <a:t>Estudio </a:t>
            </a:r>
            <a:r>
              <a:rPr lang="es-ES_tradnl" sz="2800" dirty="0" err="1">
                <a:solidFill>
                  <a:schemeClr val="tx2"/>
                </a:solidFill>
              </a:rPr>
              <a:t>capnográfico</a:t>
            </a:r>
            <a:r>
              <a:rPr lang="es-ES_tradnl" sz="2800" dirty="0">
                <a:solidFill>
                  <a:schemeClr val="tx2"/>
                </a:solidFill>
              </a:rPr>
              <a:t> uso Mascarilla </a:t>
            </a:r>
            <a:r>
              <a:rPr lang="es-ES_tradnl" sz="2800" dirty="0" smtClean="0">
                <a:solidFill>
                  <a:schemeClr val="tx2"/>
                </a:solidFill>
              </a:rPr>
              <a:t>Laríngea en TES SVB</a:t>
            </a:r>
          </a:p>
          <a:p>
            <a:pPr algn="l"/>
            <a:r>
              <a:rPr lang="es-ES_tradnl" sz="2800" dirty="0" smtClean="0">
                <a:solidFill>
                  <a:schemeClr val="tx2"/>
                </a:solidFill>
                <a:latin typeface="+mn-lt"/>
              </a:rPr>
              <a:t>Código Alerta Social (en desarrollo)</a:t>
            </a:r>
            <a:endParaRPr lang="es-ES" sz="2800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9460" name="Picture 4" descr="Resultado de imagen de equipo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616" y="2263116"/>
            <a:ext cx="2221160" cy="124940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3998771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34577" y="1092307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Participación Congresos y Jornadas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338" name="Picture 2" descr="C:\Users\s003846\Documents\GESAIB\Innovación-Mejora-Proyectos\Jornadas y congresos\SEMES 2019\Fotos\0158584c-fe64-40d0-8c9b-cc83ba8ec97f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8503" y="1988840"/>
            <a:ext cx="2784308" cy="208823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4339" name="Picture 3" descr="C:\Users\s003846\AppData\Local\Microsoft\Windows\Temporary Internet Files\Content.IE5\RH8BJ2VB\IMG_9846.jpg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-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33133" y="4296866"/>
            <a:ext cx="2861012" cy="215647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4340" name="Picture 4" descr="C:\Users\s003846\Documents\GESAIB\Innovación-Mejora-Proyectos\Jornadas y congresos\Poster TES paridad 2018\Poster paridad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4008" y="1704999"/>
            <a:ext cx="3384376" cy="50755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794440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8434" name="Picture 2" descr="C:\Users\s003846\AppData\Local\Microsoft\Windows\Temporary Internet Files\Content.IE5\3E0EO49L\PHOTO-2019-02-27-20-28-36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5764"/>
          <a:stretch/>
        </p:blipFill>
        <p:spPr bwMode="auto">
          <a:xfrm>
            <a:off x="0" y="1092307"/>
            <a:ext cx="9144000" cy="57769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3573016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bg1"/>
                </a:solidFill>
                <a:latin typeface="+mn-lt"/>
              </a:rPr>
              <a:t>Ampliación horizontes profesionales</a:t>
            </a: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/>
            </a:r>
            <a:br>
              <a:rPr lang="es-ES_tradnl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b="1" dirty="0">
                <a:solidFill>
                  <a:schemeClr val="tx2"/>
                </a:solidFill>
                <a:latin typeface="+mn-lt"/>
              </a:rPr>
              <a:t/>
            </a:r>
            <a:br>
              <a:rPr lang="es-ES_tradnl" b="1" dirty="0">
                <a:solidFill>
                  <a:schemeClr val="tx2"/>
                </a:solidFill>
                <a:latin typeface="+mn-lt"/>
              </a:rPr>
            </a:b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/>
            </a:r>
            <a:br>
              <a:rPr lang="es-ES_tradnl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/>
            </a:r>
            <a:br>
              <a:rPr lang="es-ES_tradnl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b="1" dirty="0">
                <a:solidFill>
                  <a:schemeClr val="tx2"/>
                </a:solidFill>
                <a:latin typeface="+mn-lt"/>
              </a:rPr>
              <a:t/>
            </a:r>
            <a:br>
              <a:rPr lang="es-ES_tradnl" b="1" dirty="0">
                <a:solidFill>
                  <a:schemeClr val="tx2"/>
                </a:solidFill>
                <a:latin typeface="+mn-lt"/>
              </a:rPr>
            </a:b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/>
            </a:r>
            <a:br>
              <a:rPr lang="es-ES_tradnl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dirty="0" smtClean="0">
                <a:solidFill>
                  <a:schemeClr val="bg1"/>
                </a:solidFill>
                <a:latin typeface="+mn-lt"/>
              </a:rPr>
              <a:t>Coordinación y Gestión Operativa</a:t>
            </a:r>
            <a:br>
              <a:rPr lang="es-ES_tradnl" dirty="0" smtClean="0">
                <a:solidFill>
                  <a:schemeClr val="bg1"/>
                </a:solidFill>
                <a:latin typeface="+mn-lt"/>
              </a:rPr>
            </a:br>
            <a:r>
              <a:rPr lang="es-ES_tradnl" dirty="0" smtClean="0">
                <a:solidFill>
                  <a:schemeClr val="bg1"/>
                </a:solidFill>
                <a:latin typeface="+mn-lt"/>
              </a:rPr>
              <a:t>Central de Coordinación</a:t>
            </a:r>
            <a:br>
              <a:rPr lang="es-ES_tradnl" dirty="0" smtClean="0">
                <a:solidFill>
                  <a:schemeClr val="bg1"/>
                </a:solidFill>
                <a:latin typeface="+mn-lt"/>
              </a:rPr>
            </a:br>
            <a:r>
              <a:rPr lang="es-ES_tradnl" dirty="0" smtClean="0">
                <a:solidFill>
                  <a:schemeClr val="bg1"/>
                </a:solidFill>
                <a:latin typeface="+mn-lt"/>
              </a:rPr>
              <a:t>Logística y flota</a:t>
            </a:r>
            <a:endParaRPr lang="es-ES" dirty="0">
              <a:solidFill>
                <a:schemeClr val="bg1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8" name="Picture 2" descr="C:\Users\s003846\Documents\GESAIB\Innovación-Mejora-Proyectos\Jornadas y congresos\SEMES 2019\Fotos\IMG_1825.jpg"/>
          <p:cNvPicPr>
            <a:picLocks noChangeAspect="1" noChangeArrowheads="1"/>
          </p:cNvPicPr>
          <p:nvPr/>
        </p:nvPicPr>
        <p:blipFill>
          <a:blip r:embed="rId6" cstate="print">
            <a:duotone>
              <a:prstClr val="black"/>
              <a:srgbClr val="D9C3A5">
                <a:tint val="50000"/>
                <a:satMod val="180000"/>
              </a:srgb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5373216"/>
            <a:ext cx="1728325" cy="129624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extLst/>
        </p:spPr>
      </p:pic>
      <p:pic>
        <p:nvPicPr>
          <p:cNvPr id="4099" name="Picture 3" descr="C:\Users\s003846\Documents\GESAIB\Innovación-Mejora-Proyectos\Jornadas y congresos\SEMES 2019\Fotos\IMG_1814.JPG"/>
          <p:cNvPicPr>
            <a:picLocks noChangeAspect="1" noChangeArrowheads="1"/>
          </p:cNvPicPr>
          <p:nvPr/>
        </p:nvPicPr>
        <p:blipFill>
          <a:blip r:embed="rId7" cstate="print">
            <a:duotone>
              <a:prstClr val="black"/>
              <a:srgbClr val="D9C3A5">
                <a:tint val="50000"/>
                <a:satMod val="180000"/>
              </a:srgb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8344" y="5373316"/>
            <a:ext cx="1296144" cy="129614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extLst/>
        </p:spPr>
      </p:pic>
    </p:spTree>
    <p:extLst>
      <p:ext uri="{BB962C8B-B14F-4D97-AF65-F5344CB8AC3E}">
        <p14:creationId xmlns:p14="http://schemas.microsoft.com/office/powerpoint/2010/main" val="21668284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052736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Conclusiones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314" name="Picture 2" descr="C:\Users\s003846\Documents\GESAIB\Innovación-Mejora-Proyectos\Jornadas y congresos\SEMES 2019\Fotos\IMG_1536.jpg"/>
          <p:cNvPicPr>
            <a:picLocks noChangeAspect="1" noChangeArrowheads="1"/>
          </p:cNvPicPr>
          <p:nvPr/>
        </p:nvPicPr>
        <p:blipFill rotWithShape="1"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aturation sat="4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19423"/>
          <a:stretch/>
        </p:blipFill>
        <p:spPr bwMode="auto">
          <a:xfrm>
            <a:off x="1475656" y="1711333"/>
            <a:ext cx="6408712" cy="387599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7" name="1 Título"/>
          <p:cNvSpPr txBox="1">
            <a:spLocks/>
          </p:cNvSpPr>
          <p:nvPr/>
        </p:nvSpPr>
        <p:spPr>
          <a:xfrm>
            <a:off x="323529" y="5661248"/>
            <a:ext cx="8510976" cy="1080120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Los mejores resultados se consiguen trabajando juntos por un mismo objetivo… nuestros pacientes, nuestros profesionales y nuestro servicio.</a:t>
            </a:r>
            <a:endParaRPr lang="es-ES" sz="2400" b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8" name="1 Título"/>
          <p:cNvSpPr txBox="1">
            <a:spLocks/>
          </p:cNvSpPr>
          <p:nvPr/>
        </p:nvSpPr>
        <p:spPr>
          <a:xfrm>
            <a:off x="340272" y="1340768"/>
            <a:ext cx="8510976" cy="1080120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3600" b="1" dirty="0" smtClean="0">
                <a:solidFill>
                  <a:schemeClr val="bg1"/>
                </a:solidFill>
                <a:latin typeface="+mn-lt"/>
              </a:rPr>
              <a:t>Juntos somos más fuertes</a:t>
            </a:r>
            <a:endParaRPr lang="es-ES" sz="3600" b="1" dirty="0">
              <a:solidFill>
                <a:schemeClr val="bg1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2132006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7" descr="C:\Users\s003846\Desktop\Sin conexión enero 2019\Formación IMV\IMG_9527.jpg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artisticGlowDiffused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b="15732"/>
          <a:stretch/>
        </p:blipFill>
        <p:spPr bwMode="auto">
          <a:xfrm>
            <a:off x="6198" y="1956201"/>
            <a:ext cx="9161702" cy="4901799"/>
          </a:xfrm>
          <a:prstGeom prst="rect">
            <a:avLst/>
          </a:prstGeom>
          <a:noFill/>
          <a:ln w="38100"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35397" y="836712"/>
            <a:ext cx="9559925" cy="1682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1 Título"/>
          <p:cNvSpPr txBox="1">
            <a:spLocks/>
          </p:cNvSpPr>
          <p:nvPr/>
        </p:nvSpPr>
        <p:spPr>
          <a:xfrm>
            <a:off x="-24336" y="3501008"/>
            <a:ext cx="9137801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825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dirty="0" smtClean="0">
                <a:solidFill>
                  <a:schemeClr val="tx2"/>
                </a:solidFill>
                <a:latin typeface="+mn-lt"/>
              </a:rPr>
              <a:t>Muchas gracias</a:t>
            </a:r>
            <a:endParaRPr lang="es-ES" dirty="0">
              <a:solidFill>
                <a:schemeClr val="tx2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34182839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Mapa de recursos terrestres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4" name="Picture 4" descr="Resultado de imagen de mapa baleares"/>
          <p:cNvPicPr>
            <a:picLocks noChangeAspect="1" noChangeArrowheads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023" t="1871" r="2206" b="3220"/>
          <a:stretch/>
        </p:blipFill>
        <p:spPr bwMode="auto">
          <a:xfrm>
            <a:off x="618576" y="2060848"/>
            <a:ext cx="7704856" cy="45569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2 Conector"/>
          <p:cNvSpPr/>
          <p:nvPr/>
        </p:nvSpPr>
        <p:spPr>
          <a:xfrm>
            <a:off x="4067944" y="3356992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1" name="10 Conector"/>
          <p:cNvSpPr/>
          <p:nvPr/>
        </p:nvSpPr>
        <p:spPr>
          <a:xfrm>
            <a:off x="4211960" y="3356992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2" name="11 Conector"/>
          <p:cNvSpPr/>
          <p:nvPr/>
        </p:nvSpPr>
        <p:spPr>
          <a:xfrm>
            <a:off x="4404370" y="3499867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3" name="12 Conector"/>
          <p:cNvSpPr/>
          <p:nvPr/>
        </p:nvSpPr>
        <p:spPr>
          <a:xfrm>
            <a:off x="3779912" y="3573016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4" name="13 Conector"/>
          <p:cNvSpPr/>
          <p:nvPr/>
        </p:nvSpPr>
        <p:spPr>
          <a:xfrm>
            <a:off x="4932040" y="3876675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5" name="14 Conector"/>
          <p:cNvSpPr/>
          <p:nvPr/>
        </p:nvSpPr>
        <p:spPr>
          <a:xfrm>
            <a:off x="5364088" y="3506341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7" name="16 Conector"/>
          <p:cNvSpPr/>
          <p:nvPr/>
        </p:nvSpPr>
        <p:spPr>
          <a:xfrm>
            <a:off x="4788024" y="3068960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8" name="17 Conector"/>
          <p:cNvSpPr/>
          <p:nvPr/>
        </p:nvSpPr>
        <p:spPr>
          <a:xfrm>
            <a:off x="5292080" y="2996952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9" name="18 Conector"/>
          <p:cNvSpPr/>
          <p:nvPr/>
        </p:nvSpPr>
        <p:spPr>
          <a:xfrm>
            <a:off x="323528" y="1926357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0" name="19 Conector"/>
          <p:cNvSpPr/>
          <p:nvPr/>
        </p:nvSpPr>
        <p:spPr>
          <a:xfrm>
            <a:off x="7020272" y="2204864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1" name="20 Conector"/>
          <p:cNvSpPr/>
          <p:nvPr/>
        </p:nvSpPr>
        <p:spPr>
          <a:xfrm>
            <a:off x="7812360" y="2636912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2" name="21 Conector"/>
          <p:cNvSpPr/>
          <p:nvPr/>
        </p:nvSpPr>
        <p:spPr>
          <a:xfrm>
            <a:off x="1475656" y="5157192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3" name="22 Conector"/>
          <p:cNvSpPr/>
          <p:nvPr/>
        </p:nvSpPr>
        <p:spPr>
          <a:xfrm>
            <a:off x="1279625" y="5453608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4" name="23 Conector"/>
          <p:cNvSpPr/>
          <p:nvPr/>
        </p:nvSpPr>
        <p:spPr>
          <a:xfrm>
            <a:off x="1115616" y="5229200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5" name="24 Conector"/>
          <p:cNvSpPr/>
          <p:nvPr/>
        </p:nvSpPr>
        <p:spPr>
          <a:xfrm>
            <a:off x="1282900" y="6093296"/>
            <a:ext cx="144016" cy="144016"/>
          </a:xfrm>
          <a:prstGeom prst="flowChartConnector">
            <a:avLst/>
          </a:prstGeom>
          <a:solidFill>
            <a:srgbClr val="FFFF00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6" name="1 Título"/>
          <p:cNvSpPr txBox="1">
            <a:spLocks/>
          </p:cNvSpPr>
          <p:nvPr/>
        </p:nvSpPr>
        <p:spPr>
          <a:xfrm>
            <a:off x="467544" y="1700808"/>
            <a:ext cx="7270576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1800" b="1" dirty="0" smtClean="0">
                <a:solidFill>
                  <a:schemeClr val="tx2"/>
                </a:solidFill>
                <a:latin typeface="+mn-lt"/>
              </a:rPr>
              <a:t>Soporte Vital Avanzado: 14</a:t>
            </a:r>
            <a:endParaRPr lang="es-ES" sz="1800" b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27" name="26 Conector"/>
          <p:cNvSpPr/>
          <p:nvPr/>
        </p:nvSpPr>
        <p:spPr>
          <a:xfrm>
            <a:off x="323528" y="2204864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8" name="27 Conector"/>
          <p:cNvSpPr/>
          <p:nvPr/>
        </p:nvSpPr>
        <p:spPr>
          <a:xfrm>
            <a:off x="4067944" y="3501008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9" name="28 Conector"/>
          <p:cNvSpPr/>
          <p:nvPr/>
        </p:nvSpPr>
        <p:spPr>
          <a:xfrm>
            <a:off x="4211960" y="3645024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0" name="29 Conector"/>
          <p:cNvSpPr/>
          <p:nvPr/>
        </p:nvSpPr>
        <p:spPr>
          <a:xfrm>
            <a:off x="4427984" y="3341762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1" name="30 Conector"/>
          <p:cNvSpPr/>
          <p:nvPr/>
        </p:nvSpPr>
        <p:spPr>
          <a:xfrm>
            <a:off x="4439469" y="3723903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2" name="31 Conector"/>
          <p:cNvSpPr/>
          <p:nvPr/>
        </p:nvSpPr>
        <p:spPr>
          <a:xfrm>
            <a:off x="4067944" y="3645024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3" name="32 Conector"/>
          <p:cNvSpPr/>
          <p:nvPr/>
        </p:nvSpPr>
        <p:spPr>
          <a:xfrm>
            <a:off x="4211960" y="3501008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4" name="33 Conector"/>
          <p:cNvSpPr/>
          <p:nvPr/>
        </p:nvSpPr>
        <p:spPr>
          <a:xfrm>
            <a:off x="3635896" y="3573016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5" name="34 Conector"/>
          <p:cNvSpPr/>
          <p:nvPr/>
        </p:nvSpPr>
        <p:spPr>
          <a:xfrm>
            <a:off x="3491880" y="3362325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6" name="35 Conector"/>
          <p:cNvSpPr/>
          <p:nvPr/>
        </p:nvSpPr>
        <p:spPr>
          <a:xfrm>
            <a:off x="3997896" y="3110880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7" name="36 Conector"/>
          <p:cNvSpPr/>
          <p:nvPr/>
        </p:nvSpPr>
        <p:spPr>
          <a:xfrm>
            <a:off x="4644008" y="3068960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8" name="37 Conector"/>
          <p:cNvSpPr/>
          <p:nvPr/>
        </p:nvSpPr>
        <p:spPr>
          <a:xfrm>
            <a:off x="5120630" y="2717304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9" name="38 Conector"/>
          <p:cNvSpPr/>
          <p:nvPr/>
        </p:nvSpPr>
        <p:spPr>
          <a:xfrm>
            <a:off x="5436096" y="2996952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0" name="39 Conector"/>
          <p:cNvSpPr/>
          <p:nvPr/>
        </p:nvSpPr>
        <p:spPr>
          <a:xfrm>
            <a:off x="5048622" y="3232051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1" name="40 Conector"/>
          <p:cNvSpPr/>
          <p:nvPr/>
        </p:nvSpPr>
        <p:spPr>
          <a:xfrm>
            <a:off x="5940152" y="3192438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2" name="41 Conector"/>
          <p:cNvSpPr/>
          <p:nvPr/>
        </p:nvSpPr>
        <p:spPr>
          <a:xfrm>
            <a:off x="5508104" y="3501008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3" name="42 Conector"/>
          <p:cNvSpPr/>
          <p:nvPr/>
        </p:nvSpPr>
        <p:spPr>
          <a:xfrm>
            <a:off x="5796136" y="3567683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4" name="43 Conector"/>
          <p:cNvSpPr/>
          <p:nvPr/>
        </p:nvSpPr>
        <p:spPr>
          <a:xfrm>
            <a:off x="5220072" y="4149080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5" name="44 Conector"/>
          <p:cNvSpPr/>
          <p:nvPr/>
        </p:nvSpPr>
        <p:spPr>
          <a:xfrm>
            <a:off x="5220072" y="3789040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6" name="45 Conector"/>
          <p:cNvSpPr/>
          <p:nvPr/>
        </p:nvSpPr>
        <p:spPr>
          <a:xfrm>
            <a:off x="6876256" y="2204864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7" name="46 Conector"/>
          <p:cNvSpPr/>
          <p:nvPr/>
        </p:nvSpPr>
        <p:spPr>
          <a:xfrm>
            <a:off x="7956376" y="2636912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8" name="47 Conector"/>
          <p:cNvSpPr/>
          <p:nvPr/>
        </p:nvSpPr>
        <p:spPr>
          <a:xfrm>
            <a:off x="7524328" y="2355776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9" name="48 Conector"/>
          <p:cNvSpPr/>
          <p:nvPr/>
        </p:nvSpPr>
        <p:spPr>
          <a:xfrm>
            <a:off x="7236296" y="2400747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0" name="49 Conector"/>
          <p:cNvSpPr/>
          <p:nvPr/>
        </p:nvSpPr>
        <p:spPr>
          <a:xfrm>
            <a:off x="1403648" y="5453608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1" name="50 Conector"/>
          <p:cNvSpPr/>
          <p:nvPr/>
        </p:nvSpPr>
        <p:spPr>
          <a:xfrm>
            <a:off x="1187624" y="5597624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2" name="51 Conector"/>
          <p:cNvSpPr/>
          <p:nvPr/>
        </p:nvSpPr>
        <p:spPr>
          <a:xfrm>
            <a:off x="971600" y="5229200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3" name="52 Conector"/>
          <p:cNvSpPr/>
          <p:nvPr/>
        </p:nvSpPr>
        <p:spPr>
          <a:xfrm>
            <a:off x="1619672" y="5157192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4" name="53 Conector"/>
          <p:cNvSpPr/>
          <p:nvPr/>
        </p:nvSpPr>
        <p:spPr>
          <a:xfrm>
            <a:off x="1403648" y="4941168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5" name="54 Conector"/>
          <p:cNvSpPr/>
          <p:nvPr/>
        </p:nvSpPr>
        <p:spPr>
          <a:xfrm>
            <a:off x="1413397" y="6093296"/>
            <a:ext cx="144016" cy="144016"/>
          </a:xfrm>
          <a:prstGeom prst="flowChartConnector">
            <a:avLst/>
          </a:prstGeom>
          <a:solidFill>
            <a:schemeClr val="accent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6" name="1 Título"/>
          <p:cNvSpPr txBox="1">
            <a:spLocks/>
          </p:cNvSpPr>
          <p:nvPr/>
        </p:nvSpPr>
        <p:spPr>
          <a:xfrm>
            <a:off x="467544" y="1988840"/>
            <a:ext cx="7270576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1800" b="1" dirty="0" smtClean="0">
                <a:solidFill>
                  <a:schemeClr val="tx2"/>
                </a:solidFill>
                <a:latin typeface="+mn-lt"/>
              </a:rPr>
              <a:t>Soporte Vital Básico: 29</a:t>
            </a:r>
            <a:endParaRPr lang="es-ES" sz="1800" b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57" name="56 Conector"/>
          <p:cNvSpPr/>
          <p:nvPr/>
        </p:nvSpPr>
        <p:spPr>
          <a:xfrm>
            <a:off x="323528" y="2492896"/>
            <a:ext cx="144016" cy="144016"/>
          </a:xfrm>
          <a:prstGeom prst="flowChartConnector">
            <a:avLst/>
          </a:prstGeom>
          <a:solidFill>
            <a:schemeClr val="tx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8" name="57 Conector"/>
          <p:cNvSpPr/>
          <p:nvPr/>
        </p:nvSpPr>
        <p:spPr>
          <a:xfrm>
            <a:off x="4211960" y="3789040"/>
            <a:ext cx="144016" cy="144016"/>
          </a:xfrm>
          <a:prstGeom prst="flowChartConnector">
            <a:avLst/>
          </a:prstGeom>
          <a:solidFill>
            <a:schemeClr val="tx2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9" name="1 Título"/>
          <p:cNvSpPr txBox="1">
            <a:spLocks/>
          </p:cNvSpPr>
          <p:nvPr/>
        </p:nvSpPr>
        <p:spPr>
          <a:xfrm>
            <a:off x="467544" y="2276872"/>
            <a:ext cx="7270576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1800" b="1" dirty="0" smtClean="0">
                <a:solidFill>
                  <a:schemeClr val="tx2"/>
                </a:solidFill>
                <a:latin typeface="+mn-lt"/>
              </a:rPr>
              <a:t>Soporte Vital Intermedio: 1</a:t>
            </a:r>
            <a:endParaRPr lang="es-ES" sz="1800" b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60" name="59 Conector"/>
          <p:cNvSpPr/>
          <p:nvPr/>
        </p:nvSpPr>
        <p:spPr>
          <a:xfrm>
            <a:off x="323528" y="2780928"/>
            <a:ext cx="144016" cy="144016"/>
          </a:xfrm>
          <a:prstGeom prst="flowChartConnector">
            <a:avLst/>
          </a:prstGeom>
          <a:solidFill>
            <a:schemeClr val="accent6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61" name="60 Conector"/>
          <p:cNvSpPr/>
          <p:nvPr/>
        </p:nvSpPr>
        <p:spPr>
          <a:xfrm>
            <a:off x="4067944" y="3789040"/>
            <a:ext cx="144016" cy="144016"/>
          </a:xfrm>
          <a:prstGeom prst="flowChartConnector">
            <a:avLst/>
          </a:prstGeom>
          <a:solidFill>
            <a:schemeClr val="accent6"/>
          </a:solidFill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62" name="1 Título"/>
          <p:cNvSpPr txBox="1">
            <a:spLocks/>
          </p:cNvSpPr>
          <p:nvPr/>
        </p:nvSpPr>
        <p:spPr>
          <a:xfrm>
            <a:off x="467544" y="2564904"/>
            <a:ext cx="7270576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1800" b="1" dirty="0" smtClean="0">
                <a:solidFill>
                  <a:schemeClr val="tx2"/>
                </a:solidFill>
                <a:latin typeface="+mn-lt"/>
              </a:rPr>
              <a:t>Vehículo de intervención Rápida: 1</a:t>
            </a:r>
            <a:endParaRPr lang="es-ES" sz="1800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63" name="Picture 2" descr="\\scpdps061fs01v\userdata$\s003846\Mis documentos\Calidad 2009\fotos 2009\Recursos SAMU-061\Nueva flota 2018.1.JPG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008" t="9455" r="7680" b="7720"/>
          <a:stretch/>
        </p:blipFill>
        <p:spPr bwMode="auto">
          <a:xfrm>
            <a:off x="6348110" y="4863104"/>
            <a:ext cx="2432593" cy="161305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64" name="1 Título"/>
          <p:cNvSpPr txBox="1">
            <a:spLocks/>
          </p:cNvSpPr>
          <p:nvPr/>
        </p:nvSpPr>
        <p:spPr>
          <a:xfrm>
            <a:off x="2339752" y="6093296"/>
            <a:ext cx="3923320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1800" b="1" u="sng" dirty="0" smtClean="0">
                <a:solidFill>
                  <a:schemeClr val="tx2"/>
                </a:solidFill>
                <a:latin typeface="+mn-lt"/>
              </a:rPr>
              <a:t>Actividad: </a:t>
            </a:r>
          </a:p>
          <a:p>
            <a:pPr algn="l"/>
            <a:r>
              <a:rPr lang="es-ES_tradnl" sz="1800" b="1" dirty="0" smtClean="0">
                <a:solidFill>
                  <a:schemeClr val="tx2"/>
                </a:solidFill>
                <a:latin typeface="+mn-lt"/>
              </a:rPr>
              <a:t>15.779 intervenciones SVA-SVI/VIR</a:t>
            </a:r>
          </a:p>
          <a:p>
            <a:pPr algn="l"/>
            <a:r>
              <a:rPr lang="es-ES_tradnl" sz="1800" b="1" dirty="0" smtClean="0">
                <a:solidFill>
                  <a:schemeClr val="tx2"/>
                </a:solidFill>
                <a:latin typeface="+mn-lt"/>
              </a:rPr>
              <a:t>77.655 intervenciones SVB</a:t>
            </a:r>
            <a:endParaRPr lang="es-ES" sz="1800" b="1" dirty="0">
              <a:solidFill>
                <a:schemeClr val="tx2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4491530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268760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Centro Coordinador de Urgencias Médicas 061 Baleares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10" descr="C:\Users\s003846\Desktop\Sin conexión enero 2019\IMV Sant Llorenç\IMG_5017.jpg"/>
          <p:cNvPicPr>
            <a:picLocks noChangeAspect="1" noChangeArrowheads="1"/>
          </p:cNvPicPr>
          <p:nvPr/>
        </p:nvPicPr>
        <p:blipFill rotWithShape="1">
          <a:blip r:embed="rId5" cstate="print">
            <a:duotone>
              <a:prstClr val="black"/>
              <a:srgbClr val="D9C3A5">
                <a:tint val="50000"/>
                <a:satMod val="180000"/>
              </a:srgb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934" t="14575" b="11515"/>
          <a:stretch/>
        </p:blipFill>
        <p:spPr bwMode="auto">
          <a:xfrm>
            <a:off x="3088172" y="4104456"/>
            <a:ext cx="5746333" cy="270892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1" name="Picture 10" descr="I:\CCU\ARCHIVO HASTA 2012\Ernesto\ccum foto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4211960" y="2185987"/>
            <a:ext cx="2297113" cy="130492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pic>
        <p:nvPicPr>
          <p:cNvPr id="12" name="Picture 10" descr="\\s061-sa01\userdata$\s003846\My Documents\Calidad 2009\fotos 2009\CCUM - 061\Fotos nueva CCUM-061 2013\VI 193.jpg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6743005" y="2708920"/>
            <a:ext cx="2149475" cy="124777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pic>
        <p:nvPicPr>
          <p:cNvPr id="13" name="Picture 8" descr="20080527_0721ccu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179512" y="2214563"/>
            <a:ext cx="1868488" cy="124777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pic>
        <p:nvPicPr>
          <p:cNvPr id="14" name="Picture 4" descr="\\s061-sa01\userdata$\s003846\My Documents\Calidad 2009\fotos 2009\CCUM - 061\CCUM nueva distribución 2016\CERNIA 001.jpg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2283024" y="2492896"/>
            <a:ext cx="1712912" cy="148431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sp>
        <p:nvSpPr>
          <p:cNvPr id="15" name="1 Título"/>
          <p:cNvSpPr txBox="1">
            <a:spLocks/>
          </p:cNvSpPr>
          <p:nvPr/>
        </p:nvSpPr>
        <p:spPr>
          <a:xfrm>
            <a:off x="86340" y="4437112"/>
            <a:ext cx="3923320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1800" b="1" u="sng" dirty="0" smtClean="0">
                <a:solidFill>
                  <a:schemeClr val="tx2"/>
                </a:solidFill>
                <a:latin typeface="+mn-lt"/>
              </a:rPr>
              <a:t>Actividad: </a:t>
            </a:r>
          </a:p>
          <a:p>
            <a:pPr algn="l"/>
            <a:r>
              <a:rPr lang="es-ES_tradnl" sz="1800" b="1" dirty="0" smtClean="0">
                <a:solidFill>
                  <a:schemeClr val="tx2"/>
                </a:solidFill>
                <a:latin typeface="+mn-lt"/>
              </a:rPr>
              <a:t>155.683 Incidentes</a:t>
            </a:r>
          </a:p>
          <a:p>
            <a:pPr algn="l"/>
            <a:r>
              <a:rPr lang="es-ES_tradnl" sz="1800" b="1" dirty="0" smtClean="0">
                <a:solidFill>
                  <a:schemeClr val="tx2"/>
                </a:solidFill>
                <a:latin typeface="+mn-lt"/>
              </a:rPr>
              <a:t>616.383 llamadas gestionadas</a:t>
            </a:r>
            <a:endParaRPr lang="es-ES" sz="1800" b="1" dirty="0">
              <a:solidFill>
                <a:schemeClr val="tx2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429957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El inicio del proyecto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1 Título"/>
          <p:cNvSpPr txBox="1">
            <a:spLocks/>
          </p:cNvSpPr>
          <p:nvPr/>
        </p:nvSpPr>
        <p:spPr>
          <a:xfrm>
            <a:off x="611560" y="2060848"/>
            <a:ext cx="8136904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Desde 01 de abril de 2018 se internaliza, mediante creación de empresa pública GSAIB, la prestación del servicio de transporte sanitario urgente SAMU061 y operadores del Centro de Coordinación de Urgencias Médicas 061 Baleares:</a:t>
            </a:r>
            <a:endParaRPr lang="es-ES" sz="2000" b="1" dirty="0">
              <a:solidFill>
                <a:schemeClr val="tx2"/>
              </a:solidFill>
              <a:latin typeface="+mn-lt"/>
            </a:endParaRPr>
          </a:p>
        </p:txBody>
      </p:sp>
      <p:grpSp>
        <p:nvGrpSpPr>
          <p:cNvPr id="7" name="22 Grupo"/>
          <p:cNvGrpSpPr/>
          <p:nvPr/>
        </p:nvGrpSpPr>
        <p:grpSpPr>
          <a:xfrm>
            <a:off x="1187623" y="5373216"/>
            <a:ext cx="1551351" cy="1407335"/>
            <a:chOff x="1030594" y="1472348"/>
            <a:chExt cx="1119303" cy="1119303"/>
          </a:xfrm>
          <a:solidFill>
            <a:schemeClr val="accent2"/>
          </a:solidFill>
          <a:scene3d>
            <a:camera prst="orthographicFront"/>
            <a:lightRig rig="threePt" dir="t">
              <a:rot lat="0" lon="0" rev="7500000"/>
            </a:lightRig>
          </a:scene3d>
        </p:grpSpPr>
        <p:sp>
          <p:nvSpPr>
            <p:cNvPr id="8" name="7 Elipse"/>
            <p:cNvSpPr/>
            <p:nvPr/>
          </p:nvSpPr>
          <p:spPr>
            <a:xfrm>
              <a:off x="1030594" y="1472348"/>
              <a:ext cx="1119303" cy="1119303"/>
            </a:xfrm>
            <a:prstGeom prst="ellipse">
              <a:avLst/>
            </a:prstGeom>
            <a:grpFill/>
            <a:sp3d prstMaterial="plastic">
              <a:bevelT w="127000" h="25400" prst="relaxedInset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3">
              <a:schemeClr val="accent2">
                <a:hueOff val="-8219044"/>
                <a:satOff val="-80000"/>
                <a:lumOff val="37648"/>
                <a:alphaOff val="0"/>
              </a:schemeClr>
            </a:fillRef>
            <a:effectRef idx="2">
              <a:schemeClr val="accent2">
                <a:hueOff val="-8219044"/>
                <a:satOff val="-80000"/>
                <a:lumOff val="37648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9" name="Elipse 20"/>
            <p:cNvSpPr/>
            <p:nvPr/>
          </p:nvSpPr>
          <p:spPr>
            <a:xfrm>
              <a:off x="1246618" y="1616364"/>
              <a:ext cx="739361" cy="791467"/>
            </a:xfrm>
            <a:prstGeom prst="rect">
              <a:avLst/>
            </a:prstGeom>
            <a:grpFill/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lIns="13970" tIns="13970" rIns="13970" bIns="13970" spcCol="1270" anchor="ctr"/>
            <a:lstStyle/>
            <a:p>
              <a:pPr algn="ctr" defTabSz="9779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defRPr/>
              </a:pPr>
              <a:r>
                <a:rPr lang="es-ES" sz="1600" b="1" dirty="0" smtClean="0">
                  <a:solidFill>
                    <a:schemeClr val="bg1"/>
                  </a:solidFill>
                </a:rPr>
                <a:t>Empresa C:</a:t>
              </a:r>
            </a:p>
            <a:p>
              <a:pPr algn="ctr" defTabSz="9779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defRPr/>
              </a:pPr>
              <a:r>
                <a:rPr lang="es-ES_tradnl" sz="1600" dirty="0" smtClean="0">
                  <a:solidFill>
                    <a:schemeClr val="bg1"/>
                  </a:solidFill>
                </a:rPr>
                <a:t>Operadores CCUM061</a:t>
              </a:r>
              <a:endParaRPr lang="es-E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10" name="45 Grupo"/>
          <p:cNvGrpSpPr/>
          <p:nvPr/>
        </p:nvGrpSpPr>
        <p:grpSpPr>
          <a:xfrm>
            <a:off x="1187624" y="4221088"/>
            <a:ext cx="1551351" cy="1407335"/>
            <a:chOff x="1030594" y="1472348"/>
            <a:chExt cx="1119303" cy="1119303"/>
          </a:xfrm>
          <a:solidFill>
            <a:schemeClr val="accent2"/>
          </a:solidFill>
          <a:scene3d>
            <a:camera prst="orthographicFront"/>
            <a:lightRig rig="threePt" dir="t">
              <a:rot lat="0" lon="0" rev="7500000"/>
            </a:lightRig>
          </a:scene3d>
        </p:grpSpPr>
        <p:sp>
          <p:nvSpPr>
            <p:cNvPr id="11" name="10 Elipse"/>
            <p:cNvSpPr/>
            <p:nvPr/>
          </p:nvSpPr>
          <p:spPr>
            <a:xfrm>
              <a:off x="1030594" y="1472348"/>
              <a:ext cx="1119303" cy="1119303"/>
            </a:xfrm>
            <a:prstGeom prst="ellipse">
              <a:avLst/>
            </a:prstGeom>
            <a:grpFill/>
            <a:sp3d prstMaterial="plastic">
              <a:bevelT w="127000" h="25400" prst="relaxedInset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3">
              <a:schemeClr val="accent2">
                <a:hueOff val="-8219044"/>
                <a:satOff val="-80000"/>
                <a:lumOff val="37648"/>
                <a:alphaOff val="0"/>
              </a:schemeClr>
            </a:fillRef>
            <a:effectRef idx="2">
              <a:schemeClr val="accent2">
                <a:hueOff val="-8219044"/>
                <a:satOff val="-80000"/>
                <a:lumOff val="37648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2" name="Elipse 20"/>
            <p:cNvSpPr/>
            <p:nvPr/>
          </p:nvSpPr>
          <p:spPr>
            <a:xfrm>
              <a:off x="1194512" y="1636266"/>
              <a:ext cx="791467" cy="791467"/>
            </a:xfrm>
            <a:prstGeom prst="rect">
              <a:avLst/>
            </a:prstGeom>
            <a:grpFill/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lIns="13970" tIns="13970" rIns="13970" bIns="13970" spcCol="1270" anchor="ctr"/>
            <a:lstStyle/>
            <a:p>
              <a:pPr algn="ctr" defTabSz="9779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defRPr/>
              </a:pPr>
              <a:r>
                <a:rPr lang="es-ES" sz="1600" b="1" dirty="0">
                  <a:solidFill>
                    <a:schemeClr val="bg1"/>
                  </a:solidFill>
                </a:rPr>
                <a:t>Empresa </a:t>
              </a:r>
              <a:r>
                <a:rPr lang="es-ES" sz="1600" b="1" dirty="0" smtClean="0">
                  <a:solidFill>
                    <a:schemeClr val="bg1"/>
                  </a:solidFill>
                </a:rPr>
                <a:t>B: </a:t>
              </a:r>
              <a:r>
                <a:rPr lang="es-ES" sz="1400" dirty="0">
                  <a:solidFill>
                    <a:schemeClr val="bg1"/>
                  </a:solidFill>
                </a:rPr>
                <a:t>TES y Ambulancias </a:t>
              </a:r>
              <a:r>
                <a:rPr lang="es-ES" sz="1400" dirty="0" smtClean="0">
                  <a:solidFill>
                    <a:schemeClr val="bg1"/>
                  </a:solidFill>
                </a:rPr>
                <a:t>Menorca, Ibiza y Formentera</a:t>
              </a:r>
              <a:endParaRPr lang="es-ES" sz="14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13" name="42 Grupo"/>
          <p:cNvGrpSpPr/>
          <p:nvPr/>
        </p:nvGrpSpPr>
        <p:grpSpPr>
          <a:xfrm>
            <a:off x="1187624" y="2957769"/>
            <a:ext cx="1551351" cy="1407335"/>
            <a:chOff x="1030594" y="1472348"/>
            <a:chExt cx="1119303" cy="1119303"/>
          </a:xfrm>
          <a:solidFill>
            <a:schemeClr val="accent2"/>
          </a:solidFill>
          <a:scene3d>
            <a:camera prst="orthographicFront"/>
            <a:lightRig rig="threePt" dir="t">
              <a:rot lat="0" lon="0" rev="7500000"/>
            </a:lightRig>
          </a:scene3d>
        </p:grpSpPr>
        <p:sp>
          <p:nvSpPr>
            <p:cNvPr id="14" name="13 Elipse"/>
            <p:cNvSpPr/>
            <p:nvPr/>
          </p:nvSpPr>
          <p:spPr>
            <a:xfrm>
              <a:off x="1030594" y="1472348"/>
              <a:ext cx="1119303" cy="1119303"/>
            </a:xfrm>
            <a:prstGeom prst="ellipse">
              <a:avLst/>
            </a:prstGeom>
            <a:grpFill/>
            <a:sp3d prstMaterial="plastic">
              <a:bevelT w="127000" h="25400" prst="relaxedInset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3">
              <a:schemeClr val="accent2">
                <a:hueOff val="-8219044"/>
                <a:satOff val="-80000"/>
                <a:lumOff val="37648"/>
                <a:alphaOff val="0"/>
              </a:schemeClr>
            </a:fillRef>
            <a:effectRef idx="2">
              <a:schemeClr val="accent2">
                <a:hueOff val="-8219044"/>
                <a:satOff val="-80000"/>
                <a:lumOff val="37648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5" name="Elipse 20"/>
            <p:cNvSpPr/>
            <p:nvPr/>
          </p:nvSpPr>
          <p:spPr>
            <a:xfrm>
              <a:off x="1194512" y="1636266"/>
              <a:ext cx="791467" cy="791467"/>
            </a:xfrm>
            <a:prstGeom prst="rect">
              <a:avLst/>
            </a:prstGeom>
            <a:grpFill/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lIns="13970" tIns="13970" rIns="13970" bIns="13970" spcCol="1270" anchor="ctr"/>
            <a:lstStyle/>
            <a:p>
              <a:pPr algn="ctr" defTabSz="9779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defRPr/>
              </a:pPr>
              <a:r>
                <a:rPr lang="es-ES" sz="1400" b="1" dirty="0" smtClean="0">
                  <a:solidFill>
                    <a:schemeClr val="bg1"/>
                  </a:solidFill>
                </a:rPr>
                <a:t>Empresa A: </a:t>
              </a:r>
              <a:r>
                <a:rPr lang="es-ES" sz="1400" dirty="0" smtClean="0">
                  <a:solidFill>
                    <a:schemeClr val="bg1"/>
                  </a:solidFill>
                </a:rPr>
                <a:t>TES y Ambulancias Mallorca</a:t>
              </a:r>
              <a:endParaRPr lang="es-ES" sz="1400" dirty="0">
                <a:solidFill>
                  <a:schemeClr val="bg1"/>
                </a:solidFill>
              </a:endParaRPr>
            </a:p>
          </p:txBody>
        </p:sp>
      </p:grpSp>
      <p:sp>
        <p:nvSpPr>
          <p:cNvPr id="3" name="2 Cheurón"/>
          <p:cNvSpPr/>
          <p:nvPr/>
        </p:nvSpPr>
        <p:spPr>
          <a:xfrm>
            <a:off x="3419872" y="4397799"/>
            <a:ext cx="1512168" cy="1024524"/>
          </a:xfrm>
          <a:prstGeom prst="chevron">
            <a:avLst/>
          </a:prstGeom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chemeClr val="tx1"/>
              </a:solidFill>
            </a:endParaRPr>
          </a:p>
        </p:txBody>
      </p:sp>
      <p:grpSp>
        <p:nvGrpSpPr>
          <p:cNvPr id="17" name="42 Grupo"/>
          <p:cNvGrpSpPr/>
          <p:nvPr/>
        </p:nvGrpSpPr>
        <p:grpSpPr>
          <a:xfrm>
            <a:off x="5724128" y="3867193"/>
            <a:ext cx="2448272" cy="2225761"/>
            <a:chOff x="1030594" y="1472348"/>
            <a:chExt cx="1119303" cy="1119303"/>
          </a:xfrm>
          <a:solidFill>
            <a:srgbClr val="FFFF00"/>
          </a:solidFill>
          <a:scene3d>
            <a:camera prst="orthographicFront"/>
            <a:lightRig rig="threePt" dir="t">
              <a:rot lat="0" lon="0" rev="7500000"/>
            </a:lightRig>
          </a:scene3d>
        </p:grpSpPr>
        <p:sp>
          <p:nvSpPr>
            <p:cNvPr id="18" name="17 Elipse"/>
            <p:cNvSpPr/>
            <p:nvPr/>
          </p:nvSpPr>
          <p:spPr>
            <a:xfrm>
              <a:off x="1030594" y="1472348"/>
              <a:ext cx="1119303" cy="1119303"/>
            </a:xfrm>
            <a:prstGeom prst="ellipse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</p:sp>
        <p:sp>
          <p:nvSpPr>
            <p:cNvPr id="19" name="Elipse 20"/>
            <p:cNvSpPr/>
            <p:nvPr/>
          </p:nvSpPr>
          <p:spPr>
            <a:xfrm>
              <a:off x="1194512" y="1636266"/>
              <a:ext cx="791467" cy="791467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lIns="13970" tIns="13970" rIns="13970" bIns="13970" spcCol="1270" anchor="ctr"/>
            <a:lstStyle/>
            <a:p>
              <a:pPr algn="ctr" defTabSz="9779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defRPr/>
              </a:pPr>
              <a:r>
                <a:rPr lang="es-ES" sz="1400" b="1" dirty="0" smtClean="0">
                  <a:solidFill>
                    <a:srgbClr val="0000FF"/>
                  </a:solidFill>
                </a:rPr>
                <a:t>Empresa pública GSAIB:</a:t>
              </a:r>
            </a:p>
            <a:p>
              <a:pPr algn="ctr" defTabSz="9779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defRPr/>
              </a:pPr>
              <a:r>
                <a:rPr lang="es-ES" sz="1400" dirty="0" smtClean="0">
                  <a:solidFill>
                    <a:schemeClr val="bg1"/>
                  </a:solidFill>
                </a:rPr>
                <a:t>TES, Operadores CCUM061, Ambulancias y equipamientos BALEARES</a:t>
              </a:r>
              <a:endParaRPr lang="es-ES" sz="1400" dirty="0">
                <a:solidFill>
                  <a:schemeClr val="bg1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5888994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529603" y="1700808"/>
            <a:ext cx="8074845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Trabajo en equipo = Objetivo común:</a:t>
            </a:r>
            <a:br>
              <a:rPr lang="es-ES_tradnl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b="1" dirty="0">
                <a:solidFill>
                  <a:schemeClr val="tx2"/>
                </a:solidFill>
              </a:rPr>
              <a:t>Pacientes y profesionales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4" descr="C:\Users\s003846\Desktop\Logos\GSAI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89984" y="3148521"/>
            <a:ext cx="2664373" cy="15234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2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94061" y="2934588"/>
            <a:ext cx="1941066" cy="19513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6" name="Picture 2" descr="Resultado de imagen de dar la mano"/>
          <p:cNvPicPr>
            <a:picLocks noChangeAspect="1" noChangeArrowheads="1"/>
          </p:cNvPicPr>
          <p:nvPr/>
        </p:nvPicPr>
        <p:blipFill>
          <a:blip r:embed="rId7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45382" y="3356992"/>
            <a:ext cx="3965203" cy="16427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4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4797152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669581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Pre-Arranque del proyecto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6" name="5 Grupo"/>
          <p:cNvGrpSpPr/>
          <p:nvPr/>
        </p:nvGrpSpPr>
        <p:grpSpPr>
          <a:xfrm>
            <a:off x="714936" y="1668426"/>
            <a:ext cx="7426096" cy="5072942"/>
            <a:chOff x="951181" y="1668426"/>
            <a:chExt cx="6953606" cy="4836140"/>
          </a:xfrm>
        </p:grpSpPr>
        <p:pic>
          <p:nvPicPr>
            <p:cNvPr id="2063" name="Picture 15" descr="C:\Users\s003846\AppData\Local\Microsoft\Windows\Temporary Internet Files\Content.IE5\RH8BJ2VB\IMG_7721.jp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64551" y="4941167"/>
              <a:ext cx="2499408" cy="1563399"/>
            </a:xfrm>
            <a:prstGeom prst="rect">
              <a:avLst/>
            </a:prstGeom>
            <a:noFill/>
            <a:ln>
              <a:solidFill>
                <a:schemeClr val="bg1"/>
              </a:solidFill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060" name="Picture 12" descr="C:\Users\s003846\Documents\GESAIB\Innovación-Mejora-Proyectos\Jornadas y congresos\SEMES 2019\Fotos\IMG_7517.jpg"/>
            <p:cNvPicPr>
              <a:picLocks noChangeAspect="1" noChangeArrowheads="1"/>
            </p:cNvPicPr>
            <p:nvPr/>
          </p:nvPicPr>
          <p:blipFill rotWithShape="1">
            <a:blip r:embed="rId6" cstate="print">
              <a:extLst>
                <a:ext uri="{BEBA8EAE-BF5A-486C-A8C5-ECC9F3942E4B}">
                  <a14:imgProps xmlns:a14="http://schemas.microsoft.com/office/drawing/2010/main">
                    <a14:imgLayer r:embed="rId7">
                      <a14:imgEffect>
                        <a14:colorTemperature colorTemp="88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9594"/>
            <a:stretch/>
          </p:blipFill>
          <p:spPr bwMode="auto">
            <a:xfrm>
              <a:off x="3106819" y="3188545"/>
              <a:ext cx="2401285" cy="1992071"/>
            </a:xfrm>
            <a:prstGeom prst="rect">
              <a:avLst/>
            </a:prstGeom>
            <a:noFill/>
            <a:ln>
              <a:solidFill>
                <a:schemeClr val="bg1"/>
              </a:solidFill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052" name="Picture 4"/>
            <p:cNvPicPr>
              <a:picLocks noChangeAspect="1" noChangeArrowheads="1"/>
            </p:cNvPicPr>
            <p:nvPr/>
          </p:nvPicPr>
          <p:blipFill rotWithShape="1"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41738" t="26955" r="315"/>
            <a:stretch/>
          </p:blipFill>
          <p:spPr bwMode="auto">
            <a:xfrm>
              <a:off x="5766357" y="1680031"/>
              <a:ext cx="2138430" cy="2021681"/>
            </a:xfrm>
            <a:prstGeom prst="rect">
              <a:avLst/>
            </a:prstGeom>
            <a:noFill/>
            <a:ln w="9525">
              <a:solidFill>
                <a:schemeClr val="bg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2053" name="Picture 5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51181" y="3471776"/>
              <a:ext cx="2279764" cy="1709823"/>
            </a:xfrm>
            <a:prstGeom prst="rect">
              <a:avLst/>
            </a:prstGeom>
            <a:noFill/>
            <a:ln w="9525">
              <a:solidFill>
                <a:schemeClr val="bg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2062" name="Picture 14" descr="C:\Users\s003846\Documents\GESAIB\Innovación-Mejora-Proyectos\Jornadas y congresos\SEMES 2019\Fotos\IMG_7349.jpg"/>
            <p:cNvPicPr>
              <a:picLocks noChangeAspect="1" noChangeArrowheads="1"/>
            </p:cNvPicPr>
            <p:nvPr/>
          </p:nvPicPr>
          <p:blipFill rotWithShape="1">
            <a:blip r:embed="rId10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4954" t="49871" b="1"/>
            <a:stretch/>
          </p:blipFill>
          <p:spPr bwMode="auto">
            <a:xfrm>
              <a:off x="3230945" y="5181599"/>
              <a:ext cx="4673842" cy="1322967"/>
            </a:xfrm>
            <a:prstGeom prst="rect">
              <a:avLst/>
            </a:prstGeom>
            <a:noFill/>
            <a:ln>
              <a:solidFill>
                <a:schemeClr val="bg1"/>
              </a:solidFill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051" name="Picture 3"/>
            <p:cNvPicPr>
              <a:picLocks noChangeAspect="1" noChangeArrowheads="1"/>
            </p:cNvPicPr>
            <p:nvPr/>
          </p:nvPicPr>
          <p:blipFill rotWithShape="1"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1" r="23155" b="30153"/>
            <a:stretch/>
          </p:blipFill>
          <p:spPr bwMode="auto">
            <a:xfrm>
              <a:off x="5396597" y="3471776"/>
              <a:ext cx="2508190" cy="1709823"/>
            </a:xfrm>
            <a:prstGeom prst="rect">
              <a:avLst/>
            </a:prstGeom>
            <a:noFill/>
            <a:ln w="9525">
              <a:solidFill>
                <a:schemeClr val="bg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2050" name="Picture 2" descr="C:\Users\s003846\Documents\GESAIB\Innovación-Mejora-Proyectos\Jornadas y congresos\SEMES 2019\Fotos\IMG_7287.jpg"/>
            <p:cNvPicPr>
              <a:picLocks noChangeAspect="1" noChangeArrowheads="1"/>
            </p:cNvPicPr>
            <p:nvPr/>
          </p:nvPicPr>
          <p:blipFill>
            <a:blip r:embed="rId1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64551" y="1680031"/>
              <a:ext cx="2373454" cy="1780090"/>
            </a:xfrm>
            <a:prstGeom prst="rect">
              <a:avLst/>
            </a:prstGeom>
            <a:noFill/>
            <a:ln w="9525">
              <a:solidFill>
                <a:schemeClr val="bg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3" name="Picture 3" descr="C:\Users\s003846\Documents\GESAIB\Innovación-Mejora-Proyectos\Jornadas y congresos\SEMES 2019\Fotos\IMG_7459.jpg"/>
            <p:cNvPicPr>
              <a:picLocks noChangeAspect="1" noChangeArrowheads="1"/>
            </p:cNvPicPr>
            <p:nvPr/>
          </p:nvPicPr>
          <p:blipFill rotWithShape="1">
            <a:blip r:embed="rId1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b="6807"/>
            <a:stretch/>
          </p:blipFill>
          <p:spPr bwMode="auto">
            <a:xfrm>
              <a:off x="3338005" y="1680032"/>
              <a:ext cx="1338156" cy="1780090"/>
            </a:xfrm>
            <a:prstGeom prst="rect">
              <a:avLst/>
            </a:prstGeom>
            <a:noFill/>
            <a:ln w="9525">
              <a:solidFill>
                <a:schemeClr val="bg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4" name="Picture 4" descr="C:\Users\s003846\Documents\GESAIB\Innovación-Mejora-Proyectos\Jornadas y congresos\SEMES 2019\Fotos\IMG_7497.jpg"/>
            <p:cNvPicPr>
              <a:picLocks noChangeAspect="1" noChangeArrowheads="1"/>
            </p:cNvPicPr>
            <p:nvPr/>
          </p:nvPicPr>
          <p:blipFill>
            <a:blip r:embed="rId1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75723" y="1668426"/>
              <a:ext cx="1343312" cy="1791695"/>
            </a:xfrm>
            <a:prstGeom prst="rect">
              <a:avLst/>
            </a:prstGeom>
            <a:noFill/>
            <a:ln w="9525">
              <a:solidFill>
                <a:schemeClr val="bg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3036510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971600" y="1052736"/>
            <a:ext cx="7270576" cy="576064"/>
          </a:xfrm>
        </p:spPr>
        <p:txBody>
          <a:bodyPr>
            <a:normAutofit fontScale="90000"/>
          </a:bodyPr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Arranca el proyecto</a:t>
            </a:r>
            <a:endParaRPr lang="es-ES" b="1" dirty="0">
              <a:solidFill>
                <a:schemeClr val="tx2"/>
              </a:solidFill>
              <a:latin typeface="+mn-lt"/>
            </a:endParaRPr>
          </a:p>
        </p:txBody>
      </p:sp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4" name="Picture 2" descr="C:\Users\s003846\Documents\GESAIB\Innovación-Mejora-Proyectos\Jornadas y congresos\SEMES 2019\Fotos\dfee0e9c-b42d-46c2-89c6-aa34ab55fe84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9414" y="1772816"/>
            <a:ext cx="4602088" cy="46020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8064" y="1772816"/>
            <a:ext cx="3596483" cy="46020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6313589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 de Office">
  <a:themeElements>
    <a:clrScheme name="Oficin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icin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icin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263</TotalTime>
  <Words>606</Words>
  <Application>Microsoft Office PowerPoint</Application>
  <PresentationFormat>Presentación en pantalla (4:3)</PresentationFormat>
  <Paragraphs>131</Paragraphs>
  <Slides>37</Slides>
  <Notes>0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diapositiva</vt:lpstr>
      </vt:variant>
      <vt:variant>
        <vt:i4>37</vt:i4>
      </vt:variant>
    </vt:vector>
  </HeadingPairs>
  <TitlesOfParts>
    <vt:vector size="38" baseType="lpstr">
      <vt:lpstr>Tema de Office</vt:lpstr>
      <vt:lpstr>Presentación de PowerPoint</vt:lpstr>
      <vt:lpstr>El papel del TES en GSAIB / SAMU061 Baleares</vt:lpstr>
      <vt:lpstr>Descripción del Servicio SAMU061 Baleares</vt:lpstr>
      <vt:lpstr>Mapa de recursos terrestres</vt:lpstr>
      <vt:lpstr>Centro Coordinador de Urgencias Médicas 061 Baleares</vt:lpstr>
      <vt:lpstr>El inicio del proyecto</vt:lpstr>
      <vt:lpstr>Trabajo en equipo = Objetivo común: Pacientes y profesionales</vt:lpstr>
      <vt:lpstr>Pre-Arranque del proyecto</vt:lpstr>
      <vt:lpstr>Arranca el proyecto</vt:lpstr>
      <vt:lpstr>Renovación de flota</vt:lpstr>
      <vt:lpstr>Renovación de flota</vt:lpstr>
      <vt:lpstr>Renovación de flota</vt:lpstr>
      <vt:lpstr>Renovación de equipamiento</vt:lpstr>
      <vt:lpstr>Integración Informática</vt:lpstr>
      <vt:lpstr>Integración Informática</vt:lpstr>
      <vt:lpstr>Integración Informática: Historia Clínica Embarcada SVA y SVB</vt:lpstr>
      <vt:lpstr>Uniformidad e imagen corporativa</vt:lpstr>
      <vt:lpstr>¿Qué podía ofrecer como mejora hacia los pacientes el modelo de la gestión directa del servicio?</vt:lpstr>
      <vt:lpstr>Presentación de PowerPoint</vt:lpstr>
      <vt:lpstr>ARRANQUE</vt:lpstr>
      <vt:lpstr>Operatividad del servicio: 1º objetivo</vt:lpstr>
      <vt:lpstr>Presentación de PowerPoint</vt:lpstr>
      <vt:lpstr>Presentación de PowerPoint</vt:lpstr>
      <vt:lpstr>Sobre todo en las condiciones más complicadas</vt:lpstr>
      <vt:lpstr>Mejora de los turnos de guardia para TES y Operadores</vt:lpstr>
      <vt:lpstr>Presentación de PowerPoint</vt:lpstr>
      <vt:lpstr>Rotación de vehículos en circuitos de logística</vt:lpstr>
      <vt:lpstr>Probar nuevos equipamientos y mejoras ergonómicas para nuestros profesionales</vt:lpstr>
      <vt:lpstr>Gestión cualitativa de profesionales TES y Operadores/Gestores</vt:lpstr>
      <vt:lpstr>Comunicación fluida y accesible: Intranet y Correo Corporativo</vt:lpstr>
      <vt:lpstr>Comunicación fluida y accesible 2.0: Infografías y comunicaciones breves</vt:lpstr>
      <vt:lpstr>Formación y entrenamiento</vt:lpstr>
      <vt:lpstr>Participación en Grupos de trabajo Multidisciplinares SAMU061:</vt:lpstr>
      <vt:lpstr>Participación Congresos y Jornadas</vt:lpstr>
      <vt:lpstr>Ampliación horizontes profesionales      Coordinación y Gestión Operativa Central de Coordinación Logística y flota</vt:lpstr>
      <vt:lpstr>Conclusiones</vt:lpstr>
      <vt:lpstr>Presentación de PowerPoint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l TES en función de Coordinación Operativa</dc:title>
  <dc:creator>Miguel Navarro Miro</dc:creator>
  <cp:lastModifiedBy>Miguel Navarro Miro</cp:lastModifiedBy>
  <cp:revision>76</cp:revision>
  <dcterms:created xsi:type="dcterms:W3CDTF">2019-05-02T19:25:52Z</dcterms:created>
  <dcterms:modified xsi:type="dcterms:W3CDTF">2019-10-14T14:34:14Z</dcterms:modified>
</cp:coreProperties>
</file>